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10.13.171.32\s19300\※母子保健グループ\B04 小児慢性特定疾病\02県要綱\1.10.1一部改正\【改正後】様式\"/>
    </mc:Choice>
  </mc:AlternateContent>
  <bookViews>
    <workbookView xWindow="0" yWindow="0" windowWidth="20490" windowHeight="7770"/>
  </bookViews>
  <sheets>
    <sheet name="別紙２　（重症患者）" sheetId="1" r:id="rId1"/>
  </sheets>
  <definedNames>
    <definedName name="_xlnm.Print_Area" localSheetId="0">'別紙２　（重症患者）'!$A$1:$K$3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59">
  <si>
    <t>　（重症患者認定申告書）　</t>
    <rPh sb="2" eb="4">
      <t>ジュウショウ</t>
    </rPh>
    <rPh sb="4" eb="6">
      <t>カンジャ</t>
    </rPh>
    <rPh sb="6" eb="8">
      <t>ニンテイ</t>
    </rPh>
    <rPh sb="8" eb="11">
      <t>シンコクショ</t>
    </rPh>
    <phoneticPr fontId="4"/>
  </si>
  <si>
    <t>ふりがな</t>
    <phoneticPr fontId="4"/>
  </si>
  <si>
    <t>性別</t>
    <rPh sb="0" eb="2">
      <t>セイベツ</t>
    </rPh>
    <phoneticPr fontId="4"/>
  </si>
  <si>
    <t>１．男
２．女</t>
    <rPh sb="2" eb="3">
      <t>オトコ</t>
    </rPh>
    <rPh sb="6" eb="7">
      <t>オンナ</t>
    </rPh>
    <phoneticPr fontId="4"/>
  </si>
  <si>
    <t>生年月日</t>
    <rPh sb="0" eb="2">
      <t>セイネン</t>
    </rPh>
    <rPh sb="2" eb="4">
      <t>ガッピ</t>
    </rPh>
    <phoneticPr fontId="4"/>
  </si>
  <si>
    <t>　　　　　　　 　年 　　月　　 日生（満　 　歳）</t>
    <rPh sb="9" eb="10">
      <t>トシ</t>
    </rPh>
    <rPh sb="13" eb="14">
      <t>ツキ</t>
    </rPh>
    <rPh sb="17" eb="19">
      <t>ヒナセ</t>
    </rPh>
    <rPh sb="20" eb="21">
      <t>ミツル</t>
    </rPh>
    <rPh sb="24" eb="25">
      <t>トシ</t>
    </rPh>
    <phoneticPr fontId="4"/>
  </si>
  <si>
    <t>氏名</t>
    <rPh sb="0" eb="2">
      <t>シメイ</t>
    </rPh>
    <phoneticPr fontId="4"/>
  </si>
  <si>
    <t>①高額かつ長期</t>
    <rPh sb="1" eb="3">
      <t>コウガク</t>
    </rPh>
    <rPh sb="5" eb="7">
      <t>チョウキ</t>
    </rPh>
    <phoneticPr fontId="4"/>
  </si>
  <si>
    <t>高額治療継続者の認定の申請を行う日が属する月以前の12月以内に当該支給認定に係る小児慢性特定疾病医療支援（支給認定を受けた月以後のものに限る。）につき、医療費総額（健康保険の療養に要する費用の額の算定方法により算定した額）が５万円を超えた月数が６回以上ある者をいう。</t>
    <rPh sb="128" eb="129">
      <t>シャ</t>
    </rPh>
    <phoneticPr fontId="4"/>
  </si>
  <si>
    <t>添付書類</t>
    <rPh sb="0" eb="2">
      <t>テンプ</t>
    </rPh>
    <rPh sb="2" eb="4">
      <t>ショルイ</t>
    </rPh>
    <phoneticPr fontId="4"/>
  </si>
  <si>
    <t xml:space="preserve"> １.　自己負担上限月額管理表　　２.　その他（　　　　　　　　　　　　　　　　　）</t>
    <rPh sb="4" eb="6">
      <t>ジコ</t>
    </rPh>
    <rPh sb="6" eb="8">
      <t>フタン</t>
    </rPh>
    <rPh sb="8" eb="10">
      <t>ジョウゲン</t>
    </rPh>
    <rPh sb="10" eb="12">
      <t>ゲツガク</t>
    </rPh>
    <rPh sb="12" eb="15">
      <t>カンリヒョウ</t>
    </rPh>
    <rPh sb="22" eb="23">
      <t>タ</t>
    </rPh>
    <phoneticPr fontId="4"/>
  </si>
  <si>
    <t>②重症度</t>
    <rPh sb="1" eb="4">
      <t>ジュウショウド</t>
    </rPh>
    <phoneticPr fontId="4"/>
  </si>
  <si>
    <t>　１.　小児慢性特定疾病医療意見書　　２.　障害年金証明書の写　　
　３． 身体障害者手帳の写　　　　　　４． その他（　　　　　　　　　　　　　　　　）</t>
    <rPh sb="4" eb="6">
      <t>ショウニ</t>
    </rPh>
    <rPh sb="6" eb="8">
      <t>マンセイ</t>
    </rPh>
    <rPh sb="8" eb="10">
      <t>トクテイ</t>
    </rPh>
    <rPh sb="10" eb="12">
      <t>シッペイ</t>
    </rPh>
    <rPh sb="12" eb="14">
      <t>イリョウ</t>
    </rPh>
    <rPh sb="14" eb="17">
      <t>イケンショ</t>
    </rPh>
    <rPh sb="22" eb="24">
      <t>ショウガイ</t>
    </rPh>
    <rPh sb="24" eb="26">
      <t>ネンキン</t>
    </rPh>
    <rPh sb="26" eb="29">
      <t>ショウメイショ</t>
    </rPh>
    <rPh sb="30" eb="31">
      <t>ウツ</t>
    </rPh>
    <rPh sb="38" eb="40">
      <t>シンタイ</t>
    </rPh>
    <rPh sb="40" eb="43">
      <t>ショウガイシャ</t>
    </rPh>
    <rPh sb="43" eb="45">
      <t>テチョウ</t>
    </rPh>
    <rPh sb="46" eb="47">
      <t>ウツ</t>
    </rPh>
    <rPh sb="58" eb="59">
      <t>タ</t>
    </rPh>
    <phoneticPr fontId="4"/>
  </si>
  <si>
    <t>基準①</t>
    <rPh sb="0" eb="2">
      <t>キジュン</t>
    </rPh>
    <phoneticPr fontId="4"/>
  </si>
  <si>
    <t>すべての疾病に関して、次に掲げる症状の状態のうち、１つ以上がおおむね６か月以上継続する（小児慢性特定疾病に起因するものに限る）と認められる場合</t>
    <phoneticPr fontId="4"/>
  </si>
  <si>
    <t>対象の部位</t>
    <rPh sb="0" eb="2">
      <t>タイショウ</t>
    </rPh>
    <rPh sb="3" eb="5">
      <t>ブイ</t>
    </rPh>
    <phoneticPr fontId="4"/>
  </si>
  <si>
    <t>該当箇所に○</t>
    <rPh sb="0" eb="2">
      <t>ガイトウ</t>
    </rPh>
    <rPh sb="2" eb="4">
      <t>カショ</t>
    </rPh>
    <phoneticPr fontId="4"/>
  </si>
  <si>
    <t>症状の状態</t>
    <phoneticPr fontId="4"/>
  </si>
  <si>
    <t>眼</t>
    <rPh sb="0" eb="1">
      <t>メ</t>
    </rPh>
    <phoneticPr fontId="4"/>
  </si>
  <si>
    <t>眼の機能に著しい障害を有するもの（視力の良い方の眼の視力が0.03以下のもの又は視力の良い方の眼の視力が0.04かつ他方の眼の視力が手動弁以下のもの）</t>
    <phoneticPr fontId="4"/>
  </si>
  <si>
    <t>聴器</t>
    <rPh sb="0" eb="1">
      <t>チョウ</t>
    </rPh>
    <rPh sb="1" eb="2">
      <t>キ</t>
    </rPh>
    <phoneticPr fontId="4"/>
  </si>
  <si>
    <t>聴覚機能に著しい障害を有するもの（両耳の聴力レベルが100デシベル以上のもの）</t>
    <phoneticPr fontId="4"/>
  </si>
  <si>
    <t>上肢</t>
    <rPh sb="0" eb="2">
      <t>ジョウシ</t>
    </rPh>
    <phoneticPr fontId="4"/>
  </si>
  <si>
    <t>両上肢の機能に著しい障害を有するもの（両上肢の用を全く廃したもの）</t>
    <phoneticPr fontId="4"/>
  </si>
  <si>
    <t>両上肢の全ての指の機能に著しい障害を有するもの（両上肢の全ての指を基部から欠いているもの又は両上肢の全ての指の機能を全く廃したもの）</t>
    <phoneticPr fontId="4"/>
  </si>
  <si>
    <t>一上肢の機能に著しい障害を有するもの（一上肢を上腕の２分の１以上で欠くもの又は一上肢の用を全く廃したもの）</t>
    <phoneticPr fontId="4"/>
  </si>
  <si>
    <t>下肢</t>
    <rPh sb="0" eb="2">
      <t>カシ</t>
    </rPh>
    <phoneticPr fontId="4"/>
  </si>
  <si>
    <t>両下肢の機能に著しい障害を有するもの（両下肢の用を全く廃したもの）</t>
    <phoneticPr fontId="4"/>
  </si>
  <si>
    <t>両下肢を足関節以上で欠くもの</t>
    <phoneticPr fontId="4"/>
  </si>
  <si>
    <t>体幹・脊柱</t>
    <rPh sb="0" eb="2">
      <t>タイカン</t>
    </rPh>
    <rPh sb="3" eb="5">
      <t>セキチュウ</t>
    </rPh>
    <phoneticPr fontId="4"/>
  </si>
  <si>
    <t>１歳以上の児童において、体幹の機能に座っていることができない程度又は立ち上がることができない程度の障害を有するもの（１歳以上の児童において、腰掛け、正座、あぐら若しくは横座りのいずれもができないもの又は、臥位若しくは座位から自力のみでは立ち上がれず、他人、柱、杖、その他の器物の介護若しくは補助によりはじめて立ち上がることができる程度の障害を有するもの）</t>
    <phoneticPr fontId="4"/>
  </si>
  <si>
    <t>肢体の機能</t>
    <rPh sb="0" eb="2">
      <t>シタイ</t>
    </rPh>
    <rPh sb="3" eb="5">
      <t>キノウ</t>
    </rPh>
    <phoneticPr fontId="4"/>
  </si>
  <si>
    <t>身体の機能の障害又は長期にわたる安静を必要とする病状が、この表の他の項（眼の項及び聴器の項を除く。）の症状の状態と同程度以上と認められる状態であって、日常生活の用を弁ずることを不能ならしめる程度のもの（一上肢及び一下肢の用を全く廃したもの又は四肢の機能に相当程度の障害を残すもの）</t>
    <phoneticPr fontId="4"/>
  </si>
  <si>
    <t>基準②</t>
    <rPh sb="0" eb="2">
      <t>キジュン</t>
    </rPh>
    <phoneticPr fontId="4"/>
  </si>
  <si>
    <t>基準①に該当しない場合であって、次に掲げる治療状況等の状態にあると認められる場合と認められる場合</t>
    <rPh sb="0" eb="2">
      <t>キジュン</t>
    </rPh>
    <phoneticPr fontId="4"/>
  </si>
  <si>
    <t>疾患群</t>
    <rPh sb="0" eb="2">
      <t>シッカン</t>
    </rPh>
    <rPh sb="2" eb="3">
      <t>グン</t>
    </rPh>
    <phoneticPr fontId="4"/>
  </si>
  <si>
    <t>治療状況等の状態</t>
    <rPh sb="0" eb="2">
      <t>チリョウ</t>
    </rPh>
    <rPh sb="2" eb="4">
      <t>ジョウキョウ</t>
    </rPh>
    <rPh sb="4" eb="5">
      <t>トウ</t>
    </rPh>
    <rPh sb="6" eb="8">
      <t>ジョウタイ</t>
    </rPh>
    <phoneticPr fontId="4"/>
  </si>
  <si>
    <t>悪性新生物</t>
    <rPh sb="0" eb="2">
      <t>アクセイ</t>
    </rPh>
    <rPh sb="2" eb="5">
      <t>シンセイブツ</t>
    </rPh>
    <phoneticPr fontId="4"/>
  </si>
  <si>
    <t>転移又は再発があり、濃厚な治療を行っているもの</t>
    <phoneticPr fontId="4"/>
  </si>
  <si>
    <t>慢性腎疾患</t>
    <rPh sb="0" eb="2">
      <t>マンセイ</t>
    </rPh>
    <rPh sb="2" eb="5">
      <t>ジンシッカン</t>
    </rPh>
    <phoneticPr fontId="4"/>
  </si>
  <si>
    <t>血液透析又は腹膜透析（CAPD（持続携帯腹膜透析）を含む。）を行っているもの</t>
    <phoneticPr fontId="4"/>
  </si>
  <si>
    <t>慢性呼吸器疾患</t>
    <rPh sb="0" eb="2">
      <t>マンセイ</t>
    </rPh>
    <rPh sb="2" eb="5">
      <t>コキュウキ</t>
    </rPh>
    <rPh sb="5" eb="7">
      <t>シッカン</t>
    </rPh>
    <phoneticPr fontId="4"/>
  </si>
  <si>
    <t>気管切開管理又は挿管を行っているもの</t>
    <phoneticPr fontId="4"/>
  </si>
  <si>
    <t>慢性心疾患</t>
    <rPh sb="0" eb="2">
      <t>マンセイ</t>
    </rPh>
    <rPh sb="2" eb="5">
      <t>シンシッカン</t>
    </rPh>
    <phoneticPr fontId="4"/>
  </si>
  <si>
    <t>人工呼吸管理又は酸素療法を行っているもの</t>
    <phoneticPr fontId="4"/>
  </si>
  <si>
    <t>先天性代謝異常</t>
    <rPh sb="0" eb="3">
      <t>センテンセイ</t>
    </rPh>
    <rPh sb="3" eb="5">
      <t>タイシャ</t>
    </rPh>
    <rPh sb="5" eb="7">
      <t>イジョウ</t>
    </rPh>
    <phoneticPr fontId="4"/>
  </si>
  <si>
    <t>神経・筋疾患</t>
    <rPh sb="0" eb="2">
      <t>シンケイ</t>
    </rPh>
    <rPh sb="3" eb="4">
      <t>キン</t>
    </rPh>
    <rPh sb="4" eb="6">
      <t>シッカン</t>
    </rPh>
    <phoneticPr fontId="4"/>
  </si>
  <si>
    <t>慢性消化器疾患</t>
    <rPh sb="0" eb="2">
      <t>マンセイ</t>
    </rPh>
    <rPh sb="2" eb="5">
      <t>ショウカキ</t>
    </rPh>
    <rPh sb="5" eb="7">
      <t>シッカン</t>
    </rPh>
    <phoneticPr fontId="4"/>
  </si>
  <si>
    <t>染色体又は遺伝子に変化を
伴う症候群</t>
    <rPh sb="0" eb="3">
      <t>センショクタイ</t>
    </rPh>
    <rPh sb="3" eb="4">
      <t>マタ</t>
    </rPh>
    <rPh sb="5" eb="8">
      <t>イデンシ</t>
    </rPh>
    <rPh sb="9" eb="11">
      <t>ヘンカ</t>
    </rPh>
    <rPh sb="13" eb="14">
      <t>トモナ</t>
    </rPh>
    <rPh sb="15" eb="18">
      <t>ショウコウグン</t>
    </rPh>
    <phoneticPr fontId="4"/>
  </si>
  <si>
    <t>この表の他の項の治療状況等の状態に該当するもの</t>
    <phoneticPr fontId="4"/>
  </si>
  <si>
    <t>皮膚疾患</t>
    <rPh sb="0" eb="2">
      <t>ヒフ</t>
    </rPh>
    <rPh sb="2" eb="4">
      <t>シッカン</t>
    </rPh>
    <phoneticPr fontId="4"/>
  </si>
  <si>
    <t>骨系統疾患</t>
    <rPh sb="0" eb="1">
      <t>コツ</t>
    </rPh>
    <rPh sb="1" eb="3">
      <t>ケイトウ</t>
    </rPh>
    <rPh sb="3" eb="5">
      <t>シッカン</t>
    </rPh>
    <phoneticPr fontId="4"/>
  </si>
  <si>
    <t>気管切開管理若しくは挿管を行っているもの又は１歳以上の児童において寝たきりのもの</t>
    <phoneticPr fontId="4"/>
  </si>
  <si>
    <t>脈管系疾患</t>
    <rPh sb="0" eb="5">
      <t>ミャクカンケイシッカン</t>
    </rPh>
    <phoneticPr fontId="4"/>
  </si>
  <si>
    <t>気管切開管理若しくは挿管を行っているもの又は１歳以上の児童において寝たきりのもの</t>
    <phoneticPr fontId="4"/>
  </si>
  <si>
    <t>様式第３号</t>
    <rPh sb="0" eb="2">
      <t>ヨウシキ</t>
    </rPh>
    <rPh sb="2" eb="3">
      <t>ダイ</t>
    </rPh>
    <rPh sb="4" eb="5">
      <t>ゴウ</t>
    </rPh>
    <phoneticPr fontId="4"/>
  </si>
  <si>
    <t>発達指数若しくは知能指数が20以下であるもの又は１歳以上の児童において寝たきりのもの</t>
    <phoneticPr fontId="4"/>
  </si>
  <si>
    <t>気管切開管理若しくは挿管を行っているもの、３月以上常時中心静脈栄養を必要としているもの又は肝不全状態にあるもの</t>
    <phoneticPr fontId="4"/>
  </si>
  <si>
    <t>発達指数若しくは知能指数が20以下であるもの又は１歳以上の児童において寝たきりのもの</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3" x14ac:knownFonts="1">
    <font>
      <sz val="11"/>
      <name val="ＭＳ Ｐゴシック"/>
      <family val="3"/>
      <charset val="128"/>
    </font>
    <font>
      <sz val="11"/>
      <color theme="1"/>
      <name val="ＭＳ Ｐゴシック"/>
      <family val="3"/>
      <charset val="128"/>
      <scheme val="minor"/>
    </font>
    <font>
      <sz val="6"/>
      <name val="ＭＳ Ｐゴシック"/>
      <family val="2"/>
      <charset val="128"/>
      <scheme val="minor"/>
    </font>
    <font>
      <sz val="14"/>
      <color theme="1"/>
      <name val="ＭＳ 明朝"/>
      <family val="1"/>
      <charset val="128"/>
    </font>
    <font>
      <sz val="6"/>
      <name val="ＭＳ Ｐゴシック"/>
      <family val="3"/>
      <charset val="128"/>
    </font>
    <font>
      <sz val="11"/>
      <color theme="1"/>
      <name val="ＭＳ 明朝"/>
      <family val="1"/>
      <charset val="128"/>
    </font>
    <font>
      <sz val="20"/>
      <color theme="1"/>
      <name val="ＭＳ 明朝"/>
      <family val="1"/>
      <charset val="128"/>
    </font>
    <font>
      <b/>
      <sz val="20"/>
      <color theme="1"/>
      <name val="ＭＳ 明朝"/>
      <family val="1"/>
      <charset val="128"/>
    </font>
    <font>
      <sz val="16"/>
      <color theme="1"/>
      <name val="ＭＳ 明朝"/>
      <family val="1"/>
      <charset val="128"/>
    </font>
    <font>
      <b/>
      <sz val="16"/>
      <color theme="1"/>
      <name val="ＭＳ 明朝"/>
      <family val="1"/>
      <charset val="128"/>
    </font>
    <font>
      <sz val="9"/>
      <color theme="1"/>
      <name val="ＭＳ 明朝"/>
      <family val="1"/>
      <charset val="128"/>
    </font>
    <font>
      <sz val="12"/>
      <color theme="1"/>
      <name val="ＭＳ 明朝"/>
      <family val="1"/>
      <charset val="128"/>
    </font>
    <font>
      <sz val="18"/>
      <color theme="1"/>
      <name val="ＭＳ 明朝"/>
      <family val="1"/>
      <charset val="128"/>
    </font>
  </fonts>
  <fills count="3">
    <fill>
      <patternFill patternType="none"/>
    </fill>
    <fill>
      <patternFill patternType="gray125"/>
    </fill>
    <fill>
      <patternFill patternType="solid">
        <fgColor theme="0"/>
        <bgColor indexed="64"/>
      </patternFill>
    </fill>
  </fills>
  <borders count="31">
    <border>
      <left/>
      <right/>
      <top/>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medium">
        <color indexed="64"/>
      </left>
      <right/>
      <top style="medium">
        <color indexed="64"/>
      </top>
      <bottom/>
      <diagonal/>
    </border>
    <border>
      <left style="medium">
        <color indexed="64"/>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diagonal/>
    </border>
    <border>
      <left/>
      <right style="medium">
        <color indexed="64"/>
      </right>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2">
    <xf numFmtId="0" fontId="0" fillId="0" borderId="0">
      <alignment vertical="center"/>
    </xf>
    <xf numFmtId="0" fontId="1" fillId="0" borderId="0">
      <alignment vertical="center"/>
    </xf>
  </cellStyleXfs>
  <cellXfs count="81">
    <xf numFmtId="0" fontId="0" fillId="0" borderId="0" xfId="0">
      <alignment vertical="center"/>
    </xf>
    <xf numFmtId="0" fontId="5" fillId="2" borderId="0" xfId="1" applyFont="1" applyFill="1">
      <alignment vertical="center"/>
    </xf>
    <xf numFmtId="0" fontId="3" fillId="2" borderId="2" xfId="1" applyFont="1" applyFill="1" applyBorder="1">
      <alignment vertical="center"/>
    </xf>
    <xf numFmtId="0" fontId="8" fillId="2" borderId="8" xfId="1" applyFont="1" applyFill="1" applyBorder="1">
      <alignment vertical="center"/>
    </xf>
    <xf numFmtId="0" fontId="8" fillId="0" borderId="0" xfId="1" applyFont="1" applyFill="1" applyBorder="1" applyAlignment="1">
      <alignment vertical="center"/>
    </xf>
    <xf numFmtId="0" fontId="10" fillId="0" borderId="0" xfId="1" applyFont="1" applyFill="1" applyAlignment="1">
      <alignment vertical="center"/>
    </xf>
    <xf numFmtId="0" fontId="8" fillId="2" borderId="9" xfId="1" applyFont="1" applyFill="1" applyBorder="1" applyAlignment="1">
      <alignment horizontal="center" vertical="center"/>
    </xf>
    <xf numFmtId="0" fontId="8" fillId="0" borderId="9" xfId="1" applyFont="1" applyFill="1" applyBorder="1" applyAlignment="1">
      <alignment horizontal="center" vertical="center" wrapText="1"/>
    </xf>
    <xf numFmtId="0" fontId="10" fillId="0" borderId="0" xfId="1" applyFont="1" applyFill="1" applyBorder="1" applyAlignment="1">
      <alignment vertical="center"/>
    </xf>
    <xf numFmtId="0" fontId="5" fillId="0" borderId="0" xfId="1" applyFont="1" applyFill="1">
      <alignment vertical="center"/>
    </xf>
    <xf numFmtId="0" fontId="5" fillId="0" borderId="0" xfId="1" applyFont="1" applyFill="1" applyAlignment="1">
      <alignment vertical="center"/>
    </xf>
    <xf numFmtId="0" fontId="5" fillId="0" borderId="0" xfId="1" applyFont="1" applyFill="1" applyBorder="1" applyAlignment="1">
      <alignment vertical="center"/>
    </xf>
    <xf numFmtId="0" fontId="12" fillId="0" borderId="9" xfId="1" applyFont="1" applyFill="1" applyBorder="1" applyAlignment="1">
      <alignment horizontal="center" vertical="center"/>
    </xf>
    <xf numFmtId="0" fontId="8" fillId="0" borderId="0" xfId="1" applyFont="1" applyFill="1">
      <alignment vertical="center"/>
    </xf>
    <xf numFmtId="0" fontId="8" fillId="0" borderId="9" xfId="1" applyFont="1" applyFill="1" applyBorder="1" applyAlignment="1">
      <alignment horizontal="center" vertical="center"/>
    </xf>
    <xf numFmtId="0" fontId="8" fillId="0" borderId="9" xfId="1" applyFont="1" applyFill="1" applyBorder="1">
      <alignment vertical="center"/>
    </xf>
    <xf numFmtId="0" fontId="5" fillId="0" borderId="0" xfId="1" applyFont="1" applyFill="1" applyBorder="1">
      <alignment vertical="center"/>
    </xf>
    <xf numFmtId="0" fontId="8" fillId="0" borderId="29" xfId="1" applyFont="1" applyFill="1" applyBorder="1" applyAlignment="1">
      <alignment horizontal="center" vertical="center"/>
    </xf>
    <xf numFmtId="0" fontId="9" fillId="2" borderId="14" xfId="1" applyFont="1" applyFill="1" applyBorder="1" applyAlignment="1">
      <alignment horizontal="left" vertical="distributed"/>
    </xf>
    <xf numFmtId="0" fontId="9" fillId="2" borderId="6" xfId="1" applyFont="1" applyFill="1" applyBorder="1" applyAlignment="1">
      <alignment horizontal="left" vertical="distributed"/>
    </xf>
    <xf numFmtId="0" fontId="9" fillId="2" borderId="7" xfId="1" applyFont="1" applyFill="1" applyBorder="1" applyAlignment="1">
      <alignment horizontal="left" vertical="distributed"/>
    </xf>
    <xf numFmtId="176" fontId="8" fillId="2" borderId="15" xfId="1" applyNumberFormat="1" applyFont="1" applyFill="1" applyBorder="1" applyAlignment="1">
      <alignment horizontal="left" vertical="center" wrapText="1" shrinkToFit="1"/>
    </xf>
    <xf numFmtId="176" fontId="8" fillId="2" borderId="12" xfId="1" applyNumberFormat="1" applyFont="1" applyFill="1" applyBorder="1" applyAlignment="1">
      <alignment horizontal="left" vertical="center" wrapText="1" shrinkToFit="1"/>
    </xf>
    <xf numFmtId="176" fontId="8" fillId="2" borderId="13" xfId="1" applyNumberFormat="1" applyFont="1" applyFill="1" applyBorder="1" applyAlignment="1">
      <alignment horizontal="left" vertical="center" wrapText="1" shrinkToFit="1"/>
    </xf>
    <xf numFmtId="0" fontId="8" fillId="2" borderId="15" xfId="1" applyFont="1" applyFill="1" applyBorder="1" applyAlignment="1">
      <alignment horizontal="left" vertical="center" wrapText="1"/>
    </xf>
    <xf numFmtId="0" fontId="8" fillId="2" borderId="16" xfId="1" applyFont="1" applyFill="1" applyBorder="1" applyAlignment="1">
      <alignment horizontal="left" vertical="center" wrapText="1"/>
    </xf>
    <xf numFmtId="0" fontId="8" fillId="2" borderId="11" xfId="1" applyFont="1" applyFill="1" applyBorder="1" applyAlignment="1">
      <alignment horizontal="left" vertical="center"/>
    </xf>
    <xf numFmtId="0" fontId="8" fillId="2" borderId="12" xfId="1" applyFont="1" applyFill="1" applyBorder="1" applyAlignment="1">
      <alignment horizontal="left" vertical="center"/>
    </xf>
    <xf numFmtId="0" fontId="8" fillId="2" borderId="13" xfId="1" applyFont="1" applyFill="1" applyBorder="1" applyAlignment="1">
      <alignment horizontal="left" vertical="center"/>
    </xf>
    <xf numFmtId="0" fontId="3" fillId="2" borderId="0" xfId="0" applyFont="1" applyFill="1" applyAlignment="1">
      <alignment horizontal="left" vertical="center"/>
    </xf>
    <xf numFmtId="0" fontId="6" fillId="2" borderId="0" xfId="1" applyFont="1" applyFill="1" applyAlignment="1">
      <alignment horizontal="center" vertical="center"/>
    </xf>
    <xf numFmtId="0" fontId="5" fillId="2" borderId="0" xfId="1" applyFont="1" applyFill="1" applyAlignment="1">
      <alignment horizontal="center" vertical="center"/>
    </xf>
    <xf numFmtId="0" fontId="7" fillId="2" borderId="1" xfId="1" applyFont="1" applyFill="1" applyBorder="1" applyAlignment="1">
      <alignment horizontal="center" vertical="center"/>
    </xf>
    <xf numFmtId="0" fontId="6" fillId="2" borderId="1" xfId="1" applyFont="1" applyFill="1" applyBorder="1" applyAlignment="1">
      <alignment horizontal="center" vertical="center"/>
    </xf>
    <xf numFmtId="0" fontId="3" fillId="2" borderId="3" xfId="1" applyFont="1" applyFill="1" applyBorder="1" applyAlignment="1">
      <alignment vertical="center"/>
    </xf>
    <xf numFmtId="0" fontId="8" fillId="2" borderId="4" xfId="1" applyFont="1" applyFill="1" applyBorder="1" applyAlignment="1">
      <alignment vertical="center"/>
    </xf>
    <xf numFmtId="0" fontId="8" fillId="2" borderId="10" xfId="1" applyFont="1" applyFill="1" applyBorder="1" applyAlignment="1">
      <alignment vertical="center"/>
    </xf>
    <xf numFmtId="0" fontId="8" fillId="2" borderId="4" xfId="1" applyFont="1" applyFill="1" applyBorder="1" applyAlignment="1">
      <alignment vertical="center" wrapText="1"/>
    </xf>
    <xf numFmtId="0" fontId="8" fillId="2" borderId="10" xfId="1" applyFont="1" applyFill="1" applyBorder="1" applyAlignment="1">
      <alignment vertical="center" wrapText="1"/>
    </xf>
    <xf numFmtId="0" fontId="8" fillId="2" borderId="5" xfId="1" applyFont="1" applyFill="1" applyBorder="1" applyAlignment="1">
      <alignment horizontal="left" vertical="center" wrapText="1"/>
    </xf>
    <xf numFmtId="0" fontId="8" fillId="2" borderId="6" xfId="1" applyFont="1" applyFill="1" applyBorder="1" applyAlignment="1">
      <alignment horizontal="left" vertical="center" wrapText="1"/>
    </xf>
    <xf numFmtId="0" fontId="8" fillId="2" borderId="7" xfId="1" applyFont="1" applyFill="1" applyBorder="1" applyAlignment="1">
      <alignment horizontal="left" vertical="center" wrapText="1"/>
    </xf>
    <xf numFmtId="0" fontId="8" fillId="2" borderId="11" xfId="1" applyFont="1" applyFill="1" applyBorder="1" applyAlignment="1">
      <alignment horizontal="left" vertical="center" wrapText="1"/>
    </xf>
    <xf numFmtId="0" fontId="8" fillId="2" borderId="12" xfId="1" applyFont="1" applyFill="1" applyBorder="1" applyAlignment="1">
      <alignment horizontal="left" vertical="center" wrapText="1"/>
    </xf>
    <xf numFmtId="0" fontId="8" fillId="2" borderId="13" xfId="1" applyFont="1" applyFill="1" applyBorder="1" applyAlignment="1">
      <alignment horizontal="left" vertical="center" wrapText="1"/>
    </xf>
    <xf numFmtId="0" fontId="3" fillId="2" borderId="9" xfId="1" applyFont="1" applyFill="1" applyBorder="1" applyAlignment="1">
      <alignment vertical="center"/>
    </xf>
    <xf numFmtId="0" fontId="9" fillId="2" borderId="17" xfId="1" applyFont="1" applyFill="1" applyBorder="1" applyAlignment="1">
      <alignment horizontal="left" vertical="center"/>
    </xf>
    <xf numFmtId="0" fontId="9" fillId="2" borderId="18" xfId="1" applyFont="1" applyFill="1" applyBorder="1" applyAlignment="1">
      <alignment horizontal="left" vertical="center"/>
    </xf>
    <xf numFmtId="0" fontId="9" fillId="2" borderId="19" xfId="1" applyFont="1" applyFill="1" applyBorder="1" applyAlignment="1">
      <alignment horizontal="left" vertical="center"/>
    </xf>
    <xf numFmtId="0" fontId="8" fillId="2" borderId="20" xfId="1" applyFont="1" applyFill="1" applyBorder="1" applyAlignment="1">
      <alignment horizontal="center" vertical="center"/>
    </xf>
    <xf numFmtId="0" fontId="8" fillId="2" borderId="23" xfId="1" applyFont="1" applyFill="1" applyBorder="1" applyAlignment="1">
      <alignment horizontal="center" vertical="center"/>
    </xf>
    <xf numFmtId="0" fontId="8" fillId="2" borderId="24" xfId="1" applyFont="1" applyFill="1" applyBorder="1" applyAlignment="1">
      <alignment horizontal="center" vertical="center"/>
    </xf>
    <xf numFmtId="176" fontId="11" fillId="2" borderId="25" xfId="1" applyNumberFormat="1" applyFont="1" applyFill="1" applyBorder="1" applyAlignment="1">
      <alignment horizontal="left" vertical="top" wrapText="1" shrinkToFit="1"/>
    </xf>
    <xf numFmtId="176" fontId="11" fillId="2" borderId="0" xfId="1" applyNumberFormat="1" applyFont="1" applyFill="1" applyBorder="1" applyAlignment="1">
      <alignment horizontal="left" vertical="top" wrapText="1" shrinkToFit="1"/>
    </xf>
    <xf numFmtId="176" fontId="11" fillId="2" borderId="26" xfId="1" applyNumberFormat="1" applyFont="1" applyFill="1" applyBorder="1" applyAlignment="1">
      <alignment horizontal="left" vertical="top" wrapText="1" shrinkToFit="1"/>
    </xf>
    <xf numFmtId="0" fontId="8" fillId="2" borderId="8" xfId="1" applyFont="1" applyFill="1" applyBorder="1" applyAlignment="1">
      <alignment horizontal="center" vertical="center"/>
    </xf>
    <xf numFmtId="0" fontId="8" fillId="2" borderId="9" xfId="1" applyFont="1" applyFill="1" applyBorder="1" applyAlignment="1">
      <alignment horizontal="center" vertical="center"/>
    </xf>
    <xf numFmtId="0" fontId="8" fillId="2" borderId="27" xfId="1" applyFont="1" applyFill="1" applyBorder="1" applyAlignment="1">
      <alignment horizontal="center" vertical="center"/>
    </xf>
    <xf numFmtId="0" fontId="8" fillId="2" borderId="20" xfId="1" applyFont="1" applyFill="1" applyBorder="1" applyAlignment="1">
      <alignment horizontal="left" vertical="center" wrapText="1"/>
    </xf>
    <xf numFmtId="0" fontId="8" fillId="2" borderId="21" xfId="1" applyFont="1" applyFill="1" applyBorder="1" applyAlignment="1">
      <alignment horizontal="left" vertical="center" wrapText="1"/>
    </xf>
    <xf numFmtId="0" fontId="8" fillId="2" borderId="22" xfId="1" applyFont="1" applyFill="1" applyBorder="1" applyAlignment="1">
      <alignment horizontal="left" vertical="center" wrapText="1"/>
    </xf>
    <xf numFmtId="0" fontId="8" fillId="2" borderId="23" xfId="1" applyFont="1" applyFill="1" applyBorder="1" applyAlignment="1">
      <alignment horizontal="left" vertical="center" wrapText="1"/>
    </xf>
    <xf numFmtId="0" fontId="8" fillId="2" borderId="24" xfId="1" applyFont="1" applyFill="1" applyBorder="1" applyAlignment="1">
      <alignment horizontal="left" vertical="center" wrapText="1"/>
    </xf>
    <xf numFmtId="0" fontId="8" fillId="0" borderId="8" xfId="1" applyFont="1" applyFill="1" applyBorder="1" applyAlignment="1">
      <alignment horizontal="center" vertical="center"/>
    </xf>
    <xf numFmtId="0" fontId="8" fillId="0" borderId="9" xfId="1" applyFont="1" applyFill="1" applyBorder="1" applyAlignment="1">
      <alignment horizontal="center" vertical="center"/>
    </xf>
    <xf numFmtId="0" fontId="8" fillId="0" borderId="9" xfId="1" applyFont="1" applyFill="1" applyBorder="1" applyAlignment="1">
      <alignment vertical="center" wrapText="1"/>
    </xf>
    <xf numFmtId="0" fontId="8" fillId="0" borderId="27" xfId="1" applyFont="1" applyFill="1" applyBorder="1" applyAlignment="1">
      <alignment vertical="center" wrapText="1"/>
    </xf>
    <xf numFmtId="0" fontId="8" fillId="0" borderId="8" xfId="1" applyFont="1" applyFill="1" applyBorder="1" applyAlignment="1">
      <alignment horizontal="center" vertical="center" wrapText="1"/>
    </xf>
    <xf numFmtId="0" fontId="8" fillId="0" borderId="9" xfId="1" applyFont="1" applyFill="1" applyBorder="1" applyAlignment="1">
      <alignment horizontal="center" vertical="center" wrapText="1"/>
    </xf>
    <xf numFmtId="0" fontId="8" fillId="0" borderId="9" xfId="1" applyFont="1" applyFill="1" applyBorder="1">
      <alignment vertical="center"/>
    </xf>
    <xf numFmtId="0" fontId="8" fillId="0" borderId="27" xfId="1" applyFont="1" applyFill="1" applyBorder="1">
      <alignment vertical="center"/>
    </xf>
    <xf numFmtId="0" fontId="10" fillId="0" borderId="0" xfId="1" applyFont="1" applyFill="1" applyBorder="1" applyAlignment="1">
      <alignment vertical="center"/>
    </xf>
    <xf numFmtId="0" fontId="8" fillId="0" borderId="9" xfId="1" applyFont="1" applyFill="1" applyBorder="1" applyAlignment="1">
      <alignment horizontal="left" vertical="center" wrapText="1"/>
    </xf>
    <xf numFmtId="0" fontId="8" fillId="0" borderId="27" xfId="1" applyFont="1" applyFill="1" applyBorder="1" applyAlignment="1">
      <alignment horizontal="left" vertical="center" wrapText="1"/>
    </xf>
    <xf numFmtId="0" fontId="5" fillId="0" borderId="0" xfId="1" applyFont="1" applyFill="1" applyBorder="1" applyAlignment="1">
      <alignment vertical="center"/>
    </xf>
    <xf numFmtId="0" fontId="8" fillId="0" borderId="28" xfId="1" applyFont="1" applyFill="1" applyBorder="1" applyAlignment="1">
      <alignment horizontal="center" vertical="center"/>
    </xf>
    <xf numFmtId="0" fontId="8" fillId="0" borderId="29" xfId="1" applyFont="1" applyFill="1" applyBorder="1" applyAlignment="1">
      <alignment horizontal="center" vertical="center"/>
    </xf>
    <xf numFmtId="0" fontId="8" fillId="0" borderId="29" xfId="1" applyFont="1" applyFill="1" applyBorder="1">
      <alignment vertical="center"/>
    </xf>
    <xf numFmtId="0" fontId="8" fillId="0" borderId="30" xfId="1" applyFont="1" applyFill="1" applyBorder="1">
      <alignment vertical="center"/>
    </xf>
    <xf numFmtId="0" fontId="8" fillId="2" borderId="8" xfId="1" applyFont="1" applyFill="1" applyBorder="1" applyAlignment="1">
      <alignment horizontal="center" vertical="center" wrapText="1"/>
    </xf>
    <xf numFmtId="0" fontId="8" fillId="2" borderId="9" xfId="1" applyFont="1" applyFill="1" applyBorder="1" applyAlignment="1">
      <alignment horizontal="center"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S37"/>
  <sheetViews>
    <sheetView showGridLines="0" tabSelected="1" view="pageBreakPreview" topLeftCell="A28" zoomScale="70" zoomScaleNormal="70" zoomScaleSheetLayoutView="70" workbookViewId="0">
      <selection activeCell="O7" sqref="O7"/>
    </sheetView>
  </sheetViews>
  <sheetFormatPr defaultColWidth="8.875" defaultRowHeight="13.5" x14ac:dyDescent="0.15"/>
  <cols>
    <col min="1" max="1" width="18.75" style="9" customWidth="1"/>
    <col min="2" max="2" width="18.125" style="9" customWidth="1"/>
    <col min="3" max="3" width="20" style="9" customWidth="1"/>
    <col min="4" max="4" width="7.5" style="9" customWidth="1"/>
    <col min="5" max="5" width="10.625" style="9" customWidth="1"/>
    <col min="6" max="6" width="13.625" style="9" customWidth="1"/>
    <col min="7" max="7" width="9.5" style="9" customWidth="1"/>
    <col min="8" max="8" width="19.375" style="9" customWidth="1"/>
    <col min="9" max="9" width="10.125" style="9" customWidth="1"/>
    <col min="10" max="10" width="18.375" style="9" customWidth="1"/>
    <col min="11" max="11" width="28.875" style="9" customWidth="1"/>
    <col min="12" max="254" width="8.875" style="9"/>
    <col min="255" max="255" width="14.75" style="9" customWidth="1"/>
    <col min="256" max="256" width="16.75" style="9" customWidth="1"/>
    <col min="257" max="257" width="17.5" style="9" customWidth="1"/>
    <col min="258" max="258" width="7.5" style="9" customWidth="1"/>
    <col min="259" max="259" width="10.625" style="9" customWidth="1"/>
    <col min="260" max="260" width="13.625" style="9" customWidth="1"/>
    <col min="261" max="261" width="9.5" style="9" customWidth="1"/>
    <col min="262" max="262" width="19.375" style="9" customWidth="1"/>
    <col min="263" max="263" width="10.125" style="9" customWidth="1"/>
    <col min="264" max="264" width="18.375" style="9" customWidth="1"/>
    <col min="265" max="265" width="24.375" style="9" customWidth="1"/>
    <col min="266" max="510" width="8.875" style="9"/>
    <col min="511" max="511" width="14.75" style="9" customWidth="1"/>
    <col min="512" max="512" width="16.75" style="9" customWidth="1"/>
    <col min="513" max="513" width="17.5" style="9" customWidth="1"/>
    <col min="514" max="514" width="7.5" style="9" customWidth="1"/>
    <col min="515" max="515" width="10.625" style="9" customWidth="1"/>
    <col min="516" max="516" width="13.625" style="9" customWidth="1"/>
    <col min="517" max="517" width="9.5" style="9" customWidth="1"/>
    <col min="518" max="518" width="19.375" style="9" customWidth="1"/>
    <col min="519" max="519" width="10.125" style="9" customWidth="1"/>
    <col min="520" max="520" width="18.375" style="9" customWidth="1"/>
    <col min="521" max="521" width="24.375" style="9" customWidth="1"/>
    <col min="522" max="766" width="8.875" style="9"/>
    <col min="767" max="767" width="14.75" style="9" customWidth="1"/>
    <col min="768" max="768" width="16.75" style="9" customWidth="1"/>
    <col min="769" max="769" width="17.5" style="9" customWidth="1"/>
    <col min="770" max="770" width="7.5" style="9" customWidth="1"/>
    <col min="771" max="771" width="10.625" style="9" customWidth="1"/>
    <col min="772" max="772" width="13.625" style="9" customWidth="1"/>
    <col min="773" max="773" width="9.5" style="9" customWidth="1"/>
    <col min="774" max="774" width="19.375" style="9" customWidth="1"/>
    <col min="775" max="775" width="10.125" style="9" customWidth="1"/>
    <col min="776" max="776" width="18.375" style="9" customWidth="1"/>
    <col min="777" max="777" width="24.375" style="9" customWidth="1"/>
    <col min="778" max="1022" width="8.875" style="9"/>
    <col min="1023" max="1023" width="14.75" style="9" customWidth="1"/>
    <col min="1024" max="1024" width="16.75" style="9" customWidth="1"/>
    <col min="1025" max="1025" width="17.5" style="9" customWidth="1"/>
    <col min="1026" max="1026" width="7.5" style="9" customWidth="1"/>
    <col min="1027" max="1027" width="10.625" style="9" customWidth="1"/>
    <col min="1028" max="1028" width="13.625" style="9" customWidth="1"/>
    <col min="1029" max="1029" width="9.5" style="9" customWidth="1"/>
    <col min="1030" max="1030" width="19.375" style="9" customWidth="1"/>
    <col min="1031" max="1031" width="10.125" style="9" customWidth="1"/>
    <col min="1032" max="1032" width="18.375" style="9" customWidth="1"/>
    <col min="1033" max="1033" width="24.375" style="9" customWidth="1"/>
    <col min="1034" max="1278" width="8.875" style="9"/>
    <col min="1279" max="1279" width="14.75" style="9" customWidth="1"/>
    <col min="1280" max="1280" width="16.75" style="9" customWidth="1"/>
    <col min="1281" max="1281" width="17.5" style="9" customWidth="1"/>
    <col min="1282" max="1282" width="7.5" style="9" customWidth="1"/>
    <col min="1283" max="1283" width="10.625" style="9" customWidth="1"/>
    <col min="1284" max="1284" width="13.625" style="9" customWidth="1"/>
    <col min="1285" max="1285" width="9.5" style="9" customWidth="1"/>
    <col min="1286" max="1286" width="19.375" style="9" customWidth="1"/>
    <col min="1287" max="1287" width="10.125" style="9" customWidth="1"/>
    <col min="1288" max="1288" width="18.375" style="9" customWidth="1"/>
    <col min="1289" max="1289" width="24.375" style="9" customWidth="1"/>
    <col min="1290" max="1534" width="8.875" style="9"/>
    <col min="1535" max="1535" width="14.75" style="9" customWidth="1"/>
    <col min="1536" max="1536" width="16.75" style="9" customWidth="1"/>
    <col min="1537" max="1537" width="17.5" style="9" customWidth="1"/>
    <col min="1538" max="1538" width="7.5" style="9" customWidth="1"/>
    <col min="1539" max="1539" width="10.625" style="9" customWidth="1"/>
    <col min="1540" max="1540" width="13.625" style="9" customWidth="1"/>
    <col min="1541" max="1541" width="9.5" style="9" customWidth="1"/>
    <col min="1542" max="1542" width="19.375" style="9" customWidth="1"/>
    <col min="1543" max="1543" width="10.125" style="9" customWidth="1"/>
    <col min="1544" max="1544" width="18.375" style="9" customWidth="1"/>
    <col min="1545" max="1545" width="24.375" style="9" customWidth="1"/>
    <col min="1546" max="1790" width="8.875" style="9"/>
    <col min="1791" max="1791" width="14.75" style="9" customWidth="1"/>
    <col min="1792" max="1792" width="16.75" style="9" customWidth="1"/>
    <col min="1793" max="1793" width="17.5" style="9" customWidth="1"/>
    <col min="1794" max="1794" width="7.5" style="9" customWidth="1"/>
    <col min="1795" max="1795" width="10.625" style="9" customWidth="1"/>
    <col min="1796" max="1796" width="13.625" style="9" customWidth="1"/>
    <col min="1797" max="1797" width="9.5" style="9" customWidth="1"/>
    <col min="1798" max="1798" width="19.375" style="9" customWidth="1"/>
    <col min="1799" max="1799" width="10.125" style="9" customWidth="1"/>
    <col min="1800" max="1800" width="18.375" style="9" customWidth="1"/>
    <col min="1801" max="1801" width="24.375" style="9" customWidth="1"/>
    <col min="1802" max="2046" width="8.875" style="9"/>
    <col min="2047" max="2047" width="14.75" style="9" customWidth="1"/>
    <col min="2048" max="2048" width="16.75" style="9" customWidth="1"/>
    <col min="2049" max="2049" width="17.5" style="9" customWidth="1"/>
    <col min="2050" max="2050" width="7.5" style="9" customWidth="1"/>
    <col min="2051" max="2051" width="10.625" style="9" customWidth="1"/>
    <col min="2052" max="2052" width="13.625" style="9" customWidth="1"/>
    <col min="2053" max="2053" width="9.5" style="9" customWidth="1"/>
    <col min="2054" max="2054" width="19.375" style="9" customWidth="1"/>
    <col min="2055" max="2055" width="10.125" style="9" customWidth="1"/>
    <col min="2056" max="2056" width="18.375" style="9" customWidth="1"/>
    <col min="2057" max="2057" width="24.375" style="9" customWidth="1"/>
    <col min="2058" max="2302" width="8.875" style="9"/>
    <col min="2303" max="2303" width="14.75" style="9" customWidth="1"/>
    <col min="2304" max="2304" width="16.75" style="9" customWidth="1"/>
    <col min="2305" max="2305" width="17.5" style="9" customWidth="1"/>
    <col min="2306" max="2306" width="7.5" style="9" customWidth="1"/>
    <col min="2307" max="2307" width="10.625" style="9" customWidth="1"/>
    <col min="2308" max="2308" width="13.625" style="9" customWidth="1"/>
    <col min="2309" max="2309" width="9.5" style="9" customWidth="1"/>
    <col min="2310" max="2310" width="19.375" style="9" customWidth="1"/>
    <col min="2311" max="2311" width="10.125" style="9" customWidth="1"/>
    <col min="2312" max="2312" width="18.375" style="9" customWidth="1"/>
    <col min="2313" max="2313" width="24.375" style="9" customWidth="1"/>
    <col min="2314" max="2558" width="8.875" style="9"/>
    <col min="2559" max="2559" width="14.75" style="9" customWidth="1"/>
    <col min="2560" max="2560" width="16.75" style="9" customWidth="1"/>
    <col min="2561" max="2561" width="17.5" style="9" customWidth="1"/>
    <col min="2562" max="2562" width="7.5" style="9" customWidth="1"/>
    <col min="2563" max="2563" width="10.625" style="9" customWidth="1"/>
    <col min="2564" max="2564" width="13.625" style="9" customWidth="1"/>
    <col min="2565" max="2565" width="9.5" style="9" customWidth="1"/>
    <col min="2566" max="2566" width="19.375" style="9" customWidth="1"/>
    <col min="2567" max="2567" width="10.125" style="9" customWidth="1"/>
    <col min="2568" max="2568" width="18.375" style="9" customWidth="1"/>
    <col min="2569" max="2569" width="24.375" style="9" customWidth="1"/>
    <col min="2570" max="2814" width="8.875" style="9"/>
    <col min="2815" max="2815" width="14.75" style="9" customWidth="1"/>
    <col min="2816" max="2816" width="16.75" style="9" customWidth="1"/>
    <col min="2817" max="2817" width="17.5" style="9" customWidth="1"/>
    <col min="2818" max="2818" width="7.5" style="9" customWidth="1"/>
    <col min="2819" max="2819" width="10.625" style="9" customWidth="1"/>
    <col min="2820" max="2820" width="13.625" style="9" customWidth="1"/>
    <col min="2821" max="2821" width="9.5" style="9" customWidth="1"/>
    <col min="2822" max="2822" width="19.375" style="9" customWidth="1"/>
    <col min="2823" max="2823" width="10.125" style="9" customWidth="1"/>
    <col min="2824" max="2824" width="18.375" style="9" customWidth="1"/>
    <col min="2825" max="2825" width="24.375" style="9" customWidth="1"/>
    <col min="2826" max="3070" width="8.875" style="9"/>
    <col min="3071" max="3071" width="14.75" style="9" customWidth="1"/>
    <col min="3072" max="3072" width="16.75" style="9" customWidth="1"/>
    <col min="3073" max="3073" width="17.5" style="9" customWidth="1"/>
    <col min="3074" max="3074" width="7.5" style="9" customWidth="1"/>
    <col min="3075" max="3075" width="10.625" style="9" customWidth="1"/>
    <col min="3076" max="3076" width="13.625" style="9" customWidth="1"/>
    <col min="3077" max="3077" width="9.5" style="9" customWidth="1"/>
    <col min="3078" max="3078" width="19.375" style="9" customWidth="1"/>
    <col min="3079" max="3079" width="10.125" style="9" customWidth="1"/>
    <col min="3080" max="3080" width="18.375" style="9" customWidth="1"/>
    <col min="3081" max="3081" width="24.375" style="9" customWidth="1"/>
    <col min="3082" max="3326" width="8.875" style="9"/>
    <col min="3327" max="3327" width="14.75" style="9" customWidth="1"/>
    <col min="3328" max="3328" width="16.75" style="9" customWidth="1"/>
    <col min="3329" max="3329" width="17.5" style="9" customWidth="1"/>
    <col min="3330" max="3330" width="7.5" style="9" customWidth="1"/>
    <col min="3331" max="3331" width="10.625" style="9" customWidth="1"/>
    <col min="3332" max="3332" width="13.625" style="9" customWidth="1"/>
    <col min="3333" max="3333" width="9.5" style="9" customWidth="1"/>
    <col min="3334" max="3334" width="19.375" style="9" customWidth="1"/>
    <col min="3335" max="3335" width="10.125" style="9" customWidth="1"/>
    <col min="3336" max="3336" width="18.375" style="9" customWidth="1"/>
    <col min="3337" max="3337" width="24.375" style="9" customWidth="1"/>
    <col min="3338" max="3582" width="8.875" style="9"/>
    <col min="3583" max="3583" width="14.75" style="9" customWidth="1"/>
    <col min="3584" max="3584" width="16.75" style="9" customWidth="1"/>
    <col min="3585" max="3585" width="17.5" style="9" customWidth="1"/>
    <col min="3586" max="3586" width="7.5" style="9" customWidth="1"/>
    <col min="3587" max="3587" width="10.625" style="9" customWidth="1"/>
    <col min="3588" max="3588" width="13.625" style="9" customWidth="1"/>
    <col min="3589" max="3589" width="9.5" style="9" customWidth="1"/>
    <col min="3590" max="3590" width="19.375" style="9" customWidth="1"/>
    <col min="3591" max="3591" width="10.125" style="9" customWidth="1"/>
    <col min="3592" max="3592" width="18.375" style="9" customWidth="1"/>
    <col min="3593" max="3593" width="24.375" style="9" customWidth="1"/>
    <col min="3594" max="3838" width="8.875" style="9"/>
    <col min="3839" max="3839" width="14.75" style="9" customWidth="1"/>
    <col min="3840" max="3840" width="16.75" style="9" customWidth="1"/>
    <col min="3841" max="3841" width="17.5" style="9" customWidth="1"/>
    <col min="3842" max="3842" width="7.5" style="9" customWidth="1"/>
    <col min="3843" max="3843" width="10.625" style="9" customWidth="1"/>
    <col min="3844" max="3844" width="13.625" style="9" customWidth="1"/>
    <col min="3845" max="3845" width="9.5" style="9" customWidth="1"/>
    <col min="3846" max="3846" width="19.375" style="9" customWidth="1"/>
    <col min="3847" max="3847" width="10.125" style="9" customWidth="1"/>
    <col min="3848" max="3848" width="18.375" style="9" customWidth="1"/>
    <col min="3849" max="3849" width="24.375" style="9" customWidth="1"/>
    <col min="3850" max="4094" width="8.875" style="9"/>
    <col min="4095" max="4095" width="14.75" style="9" customWidth="1"/>
    <col min="4096" max="4096" width="16.75" style="9" customWidth="1"/>
    <col min="4097" max="4097" width="17.5" style="9" customWidth="1"/>
    <col min="4098" max="4098" width="7.5" style="9" customWidth="1"/>
    <col min="4099" max="4099" width="10.625" style="9" customWidth="1"/>
    <col min="4100" max="4100" width="13.625" style="9" customWidth="1"/>
    <col min="4101" max="4101" width="9.5" style="9" customWidth="1"/>
    <col min="4102" max="4102" width="19.375" style="9" customWidth="1"/>
    <col min="4103" max="4103" width="10.125" style="9" customWidth="1"/>
    <col min="4104" max="4104" width="18.375" style="9" customWidth="1"/>
    <col min="4105" max="4105" width="24.375" style="9" customWidth="1"/>
    <col min="4106" max="4350" width="8.875" style="9"/>
    <col min="4351" max="4351" width="14.75" style="9" customWidth="1"/>
    <col min="4352" max="4352" width="16.75" style="9" customWidth="1"/>
    <col min="4353" max="4353" width="17.5" style="9" customWidth="1"/>
    <col min="4354" max="4354" width="7.5" style="9" customWidth="1"/>
    <col min="4355" max="4355" width="10.625" style="9" customWidth="1"/>
    <col min="4356" max="4356" width="13.625" style="9" customWidth="1"/>
    <col min="4357" max="4357" width="9.5" style="9" customWidth="1"/>
    <col min="4358" max="4358" width="19.375" style="9" customWidth="1"/>
    <col min="4359" max="4359" width="10.125" style="9" customWidth="1"/>
    <col min="4360" max="4360" width="18.375" style="9" customWidth="1"/>
    <col min="4361" max="4361" width="24.375" style="9" customWidth="1"/>
    <col min="4362" max="4606" width="8.875" style="9"/>
    <col min="4607" max="4607" width="14.75" style="9" customWidth="1"/>
    <col min="4608" max="4608" width="16.75" style="9" customWidth="1"/>
    <col min="4609" max="4609" width="17.5" style="9" customWidth="1"/>
    <col min="4610" max="4610" width="7.5" style="9" customWidth="1"/>
    <col min="4611" max="4611" width="10.625" style="9" customWidth="1"/>
    <col min="4612" max="4612" width="13.625" style="9" customWidth="1"/>
    <col min="4613" max="4613" width="9.5" style="9" customWidth="1"/>
    <col min="4614" max="4614" width="19.375" style="9" customWidth="1"/>
    <col min="4615" max="4615" width="10.125" style="9" customWidth="1"/>
    <col min="4616" max="4616" width="18.375" style="9" customWidth="1"/>
    <col min="4617" max="4617" width="24.375" style="9" customWidth="1"/>
    <col min="4618" max="4862" width="8.875" style="9"/>
    <col min="4863" max="4863" width="14.75" style="9" customWidth="1"/>
    <col min="4864" max="4864" width="16.75" style="9" customWidth="1"/>
    <col min="4865" max="4865" width="17.5" style="9" customWidth="1"/>
    <col min="4866" max="4866" width="7.5" style="9" customWidth="1"/>
    <col min="4867" max="4867" width="10.625" style="9" customWidth="1"/>
    <col min="4868" max="4868" width="13.625" style="9" customWidth="1"/>
    <col min="4869" max="4869" width="9.5" style="9" customWidth="1"/>
    <col min="4870" max="4870" width="19.375" style="9" customWidth="1"/>
    <col min="4871" max="4871" width="10.125" style="9" customWidth="1"/>
    <col min="4872" max="4872" width="18.375" style="9" customWidth="1"/>
    <col min="4873" max="4873" width="24.375" style="9" customWidth="1"/>
    <col min="4874" max="5118" width="8.875" style="9"/>
    <col min="5119" max="5119" width="14.75" style="9" customWidth="1"/>
    <col min="5120" max="5120" width="16.75" style="9" customWidth="1"/>
    <col min="5121" max="5121" width="17.5" style="9" customWidth="1"/>
    <col min="5122" max="5122" width="7.5" style="9" customWidth="1"/>
    <col min="5123" max="5123" width="10.625" style="9" customWidth="1"/>
    <col min="5124" max="5124" width="13.625" style="9" customWidth="1"/>
    <col min="5125" max="5125" width="9.5" style="9" customWidth="1"/>
    <col min="5126" max="5126" width="19.375" style="9" customWidth="1"/>
    <col min="5127" max="5127" width="10.125" style="9" customWidth="1"/>
    <col min="5128" max="5128" width="18.375" style="9" customWidth="1"/>
    <col min="5129" max="5129" width="24.375" style="9" customWidth="1"/>
    <col min="5130" max="5374" width="8.875" style="9"/>
    <col min="5375" max="5375" width="14.75" style="9" customWidth="1"/>
    <col min="5376" max="5376" width="16.75" style="9" customWidth="1"/>
    <col min="5377" max="5377" width="17.5" style="9" customWidth="1"/>
    <col min="5378" max="5378" width="7.5" style="9" customWidth="1"/>
    <col min="5379" max="5379" width="10.625" style="9" customWidth="1"/>
    <col min="5380" max="5380" width="13.625" style="9" customWidth="1"/>
    <col min="5381" max="5381" width="9.5" style="9" customWidth="1"/>
    <col min="5382" max="5382" width="19.375" style="9" customWidth="1"/>
    <col min="5383" max="5383" width="10.125" style="9" customWidth="1"/>
    <col min="5384" max="5384" width="18.375" style="9" customWidth="1"/>
    <col min="5385" max="5385" width="24.375" style="9" customWidth="1"/>
    <col min="5386" max="5630" width="8.875" style="9"/>
    <col min="5631" max="5631" width="14.75" style="9" customWidth="1"/>
    <col min="5632" max="5632" width="16.75" style="9" customWidth="1"/>
    <col min="5633" max="5633" width="17.5" style="9" customWidth="1"/>
    <col min="5634" max="5634" width="7.5" style="9" customWidth="1"/>
    <col min="5635" max="5635" width="10.625" style="9" customWidth="1"/>
    <col min="5636" max="5636" width="13.625" style="9" customWidth="1"/>
    <col min="5637" max="5637" width="9.5" style="9" customWidth="1"/>
    <col min="5638" max="5638" width="19.375" style="9" customWidth="1"/>
    <col min="5639" max="5639" width="10.125" style="9" customWidth="1"/>
    <col min="5640" max="5640" width="18.375" style="9" customWidth="1"/>
    <col min="5641" max="5641" width="24.375" style="9" customWidth="1"/>
    <col min="5642" max="5886" width="8.875" style="9"/>
    <col min="5887" max="5887" width="14.75" style="9" customWidth="1"/>
    <col min="5888" max="5888" width="16.75" style="9" customWidth="1"/>
    <col min="5889" max="5889" width="17.5" style="9" customWidth="1"/>
    <col min="5890" max="5890" width="7.5" style="9" customWidth="1"/>
    <col min="5891" max="5891" width="10.625" style="9" customWidth="1"/>
    <col min="5892" max="5892" width="13.625" style="9" customWidth="1"/>
    <col min="5893" max="5893" width="9.5" style="9" customWidth="1"/>
    <col min="5894" max="5894" width="19.375" style="9" customWidth="1"/>
    <col min="5895" max="5895" width="10.125" style="9" customWidth="1"/>
    <col min="5896" max="5896" width="18.375" style="9" customWidth="1"/>
    <col min="5897" max="5897" width="24.375" style="9" customWidth="1"/>
    <col min="5898" max="6142" width="8.875" style="9"/>
    <col min="6143" max="6143" width="14.75" style="9" customWidth="1"/>
    <col min="6144" max="6144" width="16.75" style="9" customWidth="1"/>
    <col min="6145" max="6145" width="17.5" style="9" customWidth="1"/>
    <col min="6146" max="6146" width="7.5" style="9" customWidth="1"/>
    <col min="6147" max="6147" width="10.625" style="9" customWidth="1"/>
    <col min="6148" max="6148" width="13.625" style="9" customWidth="1"/>
    <col min="6149" max="6149" width="9.5" style="9" customWidth="1"/>
    <col min="6150" max="6150" width="19.375" style="9" customWidth="1"/>
    <col min="6151" max="6151" width="10.125" style="9" customWidth="1"/>
    <col min="6152" max="6152" width="18.375" style="9" customWidth="1"/>
    <col min="6153" max="6153" width="24.375" style="9" customWidth="1"/>
    <col min="6154" max="6398" width="8.875" style="9"/>
    <col min="6399" max="6399" width="14.75" style="9" customWidth="1"/>
    <col min="6400" max="6400" width="16.75" style="9" customWidth="1"/>
    <col min="6401" max="6401" width="17.5" style="9" customWidth="1"/>
    <col min="6402" max="6402" width="7.5" style="9" customWidth="1"/>
    <col min="6403" max="6403" width="10.625" style="9" customWidth="1"/>
    <col min="6404" max="6404" width="13.625" style="9" customWidth="1"/>
    <col min="6405" max="6405" width="9.5" style="9" customWidth="1"/>
    <col min="6406" max="6406" width="19.375" style="9" customWidth="1"/>
    <col min="6407" max="6407" width="10.125" style="9" customWidth="1"/>
    <col min="6408" max="6408" width="18.375" style="9" customWidth="1"/>
    <col min="6409" max="6409" width="24.375" style="9" customWidth="1"/>
    <col min="6410" max="6654" width="8.875" style="9"/>
    <col min="6655" max="6655" width="14.75" style="9" customWidth="1"/>
    <col min="6656" max="6656" width="16.75" style="9" customWidth="1"/>
    <col min="6657" max="6657" width="17.5" style="9" customWidth="1"/>
    <col min="6658" max="6658" width="7.5" style="9" customWidth="1"/>
    <col min="6659" max="6659" width="10.625" style="9" customWidth="1"/>
    <col min="6660" max="6660" width="13.625" style="9" customWidth="1"/>
    <col min="6661" max="6661" width="9.5" style="9" customWidth="1"/>
    <col min="6662" max="6662" width="19.375" style="9" customWidth="1"/>
    <col min="6663" max="6663" width="10.125" style="9" customWidth="1"/>
    <col min="6664" max="6664" width="18.375" style="9" customWidth="1"/>
    <col min="6665" max="6665" width="24.375" style="9" customWidth="1"/>
    <col min="6666" max="6910" width="8.875" style="9"/>
    <col min="6911" max="6911" width="14.75" style="9" customWidth="1"/>
    <col min="6912" max="6912" width="16.75" style="9" customWidth="1"/>
    <col min="6913" max="6913" width="17.5" style="9" customWidth="1"/>
    <col min="6914" max="6914" width="7.5" style="9" customWidth="1"/>
    <col min="6915" max="6915" width="10.625" style="9" customWidth="1"/>
    <col min="6916" max="6916" width="13.625" style="9" customWidth="1"/>
    <col min="6917" max="6917" width="9.5" style="9" customWidth="1"/>
    <col min="6918" max="6918" width="19.375" style="9" customWidth="1"/>
    <col min="6919" max="6919" width="10.125" style="9" customWidth="1"/>
    <col min="6920" max="6920" width="18.375" style="9" customWidth="1"/>
    <col min="6921" max="6921" width="24.375" style="9" customWidth="1"/>
    <col min="6922" max="7166" width="8.875" style="9"/>
    <col min="7167" max="7167" width="14.75" style="9" customWidth="1"/>
    <col min="7168" max="7168" width="16.75" style="9" customWidth="1"/>
    <col min="7169" max="7169" width="17.5" style="9" customWidth="1"/>
    <col min="7170" max="7170" width="7.5" style="9" customWidth="1"/>
    <col min="7171" max="7171" width="10.625" style="9" customWidth="1"/>
    <col min="7172" max="7172" width="13.625" style="9" customWidth="1"/>
    <col min="7173" max="7173" width="9.5" style="9" customWidth="1"/>
    <col min="7174" max="7174" width="19.375" style="9" customWidth="1"/>
    <col min="7175" max="7175" width="10.125" style="9" customWidth="1"/>
    <col min="7176" max="7176" width="18.375" style="9" customWidth="1"/>
    <col min="7177" max="7177" width="24.375" style="9" customWidth="1"/>
    <col min="7178" max="7422" width="8.875" style="9"/>
    <col min="7423" max="7423" width="14.75" style="9" customWidth="1"/>
    <col min="7424" max="7424" width="16.75" style="9" customWidth="1"/>
    <col min="7425" max="7425" width="17.5" style="9" customWidth="1"/>
    <col min="7426" max="7426" width="7.5" style="9" customWidth="1"/>
    <col min="7427" max="7427" width="10.625" style="9" customWidth="1"/>
    <col min="7428" max="7428" width="13.625" style="9" customWidth="1"/>
    <col min="7429" max="7429" width="9.5" style="9" customWidth="1"/>
    <col min="7430" max="7430" width="19.375" style="9" customWidth="1"/>
    <col min="7431" max="7431" width="10.125" style="9" customWidth="1"/>
    <col min="7432" max="7432" width="18.375" style="9" customWidth="1"/>
    <col min="7433" max="7433" width="24.375" style="9" customWidth="1"/>
    <col min="7434" max="7678" width="8.875" style="9"/>
    <col min="7679" max="7679" width="14.75" style="9" customWidth="1"/>
    <col min="7680" max="7680" width="16.75" style="9" customWidth="1"/>
    <col min="7681" max="7681" width="17.5" style="9" customWidth="1"/>
    <col min="7682" max="7682" width="7.5" style="9" customWidth="1"/>
    <col min="7683" max="7683" width="10.625" style="9" customWidth="1"/>
    <col min="7684" max="7684" width="13.625" style="9" customWidth="1"/>
    <col min="7685" max="7685" width="9.5" style="9" customWidth="1"/>
    <col min="7686" max="7686" width="19.375" style="9" customWidth="1"/>
    <col min="7687" max="7687" width="10.125" style="9" customWidth="1"/>
    <col min="7688" max="7688" width="18.375" style="9" customWidth="1"/>
    <col min="7689" max="7689" width="24.375" style="9" customWidth="1"/>
    <col min="7690" max="7934" width="8.875" style="9"/>
    <col min="7935" max="7935" width="14.75" style="9" customWidth="1"/>
    <col min="7936" max="7936" width="16.75" style="9" customWidth="1"/>
    <col min="7937" max="7937" width="17.5" style="9" customWidth="1"/>
    <col min="7938" max="7938" width="7.5" style="9" customWidth="1"/>
    <col min="7939" max="7939" width="10.625" style="9" customWidth="1"/>
    <col min="7940" max="7940" width="13.625" style="9" customWidth="1"/>
    <col min="7941" max="7941" width="9.5" style="9" customWidth="1"/>
    <col min="7942" max="7942" width="19.375" style="9" customWidth="1"/>
    <col min="7943" max="7943" width="10.125" style="9" customWidth="1"/>
    <col min="7944" max="7944" width="18.375" style="9" customWidth="1"/>
    <col min="7945" max="7945" width="24.375" style="9" customWidth="1"/>
    <col min="7946" max="8190" width="8.875" style="9"/>
    <col min="8191" max="8191" width="14.75" style="9" customWidth="1"/>
    <col min="8192" max="8192" width="16.75" style="9" customWidth="1"/>
    <col min="8193" max="8193" width="17.5" style="9" customWidth="1"/>
    <col min="8194" max="8194" width="7.5" style="9" customWidth="1"/>
    <col min="8195" max="8195" width="10.625" style="9" customWidth="1"/>
    <col min="8196" max="8196" width="13.625" style="9" customWidth="1"/>
    <col min="8197" max="8197" width="9.5" style="9" customWidth="1"/>
    <col min="8198" max="8198" width="19.375" style="9" customWidth="1"/>
    <col min="8199" max="8199" width="10.125" style="9" customWidth="1"/>
    <col min="8200" max="8200" width="18.375" style="9" customWidth="1"/>
    <col min="8201" max="8201" width="24.375" style="9" customWidth="1"/>
    <col min="8202" max="8446" width="8.875" style="9"/>
    <col min="8447" max="8447" width="14.75" style="9" customWidth="1"/>
    <col min="8448" max="8448" width="16.75" style="9" customWidth="1"/>
    <col min="8449" max="8449" width="17.5" style="9" customWidth="1"/>
    <col min="8450" max="8450" width="7.5" style="9" customWidth="1"/>
    <col min="8451" max="8451" width="10.625" style="9" customWidth="1"/>
    <col min="8452" max="8452" width="13.625" style="9" customWidth="1"/>
    <col min="8453" max="8453" width="9.5" style="9" customWidth="1"/>
    <col min="8454" max="8454" width="19.375" style="9" customWidth="1"/>
    <col min="8455" max="8455" width="10.125" style="9" customWidth="1"/>
    <col min="8456" max="8456" width="18.375" style="9" customWidth="1"/>
    <col min="8457" max="8457" width="24.375" style="9" customWidth="1"/>
    <col min="8458" max="8702" width="8.875" style="9"/>
    <col min="8703" max="8703" width="14.75" style="9" customWidth="1"/>
    <col min="8704" max="8704" width="16.75" style="9" customWidth="1"/>
    <col min="8705" max="8705" width="17.5" style="9" customWidth="1"/>
    <col min="8706" max="8706" width="7.5" style="9" customWidth="1"/>
    <col min="8707" max="8707" width="10.625" style="9" customWidth="1"/>
    <col min="8708" max="8708" width="13.625" style="9" customWidth="1"/>
    <col min="8709" max="8709" width="9.5" style="9" customWidth="1"/>
    <col min="8710" max="8710" width="19.375" style="9" customWidth="1"/>
    <col min="8711" max="8711" width="10.125" style="9" customWidth="1"/>
    <col min="8712" max="8712" width="18.375" style="9" customWidth="1"/>
    <col min="8713" max="8713" width="24.375" style="9" customWidth="1"/>
    <col min="8714" max="8958" width="8.875" style="9"/>
    <col min="8959" max="8959" width="14.75" style="9" customWidth="1"/>
    <col min="8960" max="8960" width="16.75" style="9" customWidth="1"/>
    <col min="8961" max="8961" width="17.5" style="9" customWidth="1"/>
    <col min="8962" max="8962" width="7.5" style="9" customWidth="1"/>
    <col min="8963" max="8963" width="10.625" style="9" customWidth="1"/>
    <col min="8964" max="8964" width="13.625" style="9" customWidth="1"/>
    <col min="8965" max="8965" width="9.5" style="9" customWidth="1"/>
    <col min="8966" max="8966" width="19.375" style="9" customWidth="1"/>
    <col min="8967" max="8967" width="10.125" style="9" customWidth="1"/>
    <col min="8968" max="8968" width="18.375" style="9" customWidth="1"/>
    <col min="8969" max="8969" width="24.375" style="9" customWidth="1"/>
    <col min="8970" max="9214" width="8.875" style="9"/>
    <col min="9215" max="9215" width="14.75" style="9" customWidth="1"/>
    <col min="9216" max="9216" width="16.75" style="9" customWidth="1"/>
    <col min="9217" max="9217" width="17.5" style="9" customWidth="1"/>
    <col min="9218" max="9218" width="7.5" style="9" customWidth="1"/>
    <col min="9219" max="9219" width="10.625" style="9" customWidth="1"/>
    <col min="9220" max="9220" width="13.625" style="9" customWidth="1"/>
    <col min="9221" max="9221" width="9.5" style="9" customWidth="1"/>
    <col min="9222" max="9222" width="19.375" style="9" customWidth="1"/>
    <col min="9223" max="9223" width="10.125" style="9" customWidth="1"/>
    <col min="9224" max="9224" width="18.375" style="9" customWidth="1"/>
    <col min="9225" max="9225" width="24.375" style="9" customWidth="1"/>
    <col min="9226" max="9470" width="8.875" style="9"/>
    <col min="9471" max="9471" width="14.75" style="9" customWidth="1"/>
    <col min="9472" max="9472" width="16.75" style="9" customWidth="1"/>
    <col min="9473" max="9473" width="17.5" style="9" customWidth="1"/>
    <col min="9474" max="9474" width="7.5" style="9" customWidth="1"/>
    <col min="9475" max="9475" width="10.625" style="9" customWidth="1"/>
    <col min="9476" max="9476" width="13.625" style="9" customWidth="1"/>
    <col min="9477" max="9477" width="9.5" style="9" customWidth="1"/>
    <col min="9478" max="9478" width="19.375" style="9" customWidth="1"/>
    <col min="9479" max="9479" width="10.125" style="9" customWidth="1"/>
    <col min="9480" max="9480" width="18.375" style="9" customWidth="1"/>
    <col min="9481" max="9481" width="24.375" style="9" customWidth="1"/>
    <col min="9482" max="9726" width="8.875" style="9"/>
    <col min="9727" max="9727" width="14.75" style="9" customWidth="1"/>
    <col min="9728" max="9728" width="16.75" style="9" customWidth="1"/>
    <col min="9729" max="9729" width="17.5" style="9" customWidth="1"/>
    <col min="9730" max="9730" width="7.5" style="9" customWidth="1"/>
    <col min="9731" max="9731" width="10.625" style="9" customWidth="1"/>
    <col min="9732" max="9732" width="13.625" style="9" customWidth="1"/>
    <col min="9733" max="9733" width="9.5" style="9" customWidth="1"/>
    <col min="9734" max="9734" width="19.375" style="9" customWidth="1"/>
    <col min="9735" max="9735" width="10.125" style="9" customWidth="1"/>
    <col min="9736" max="9736" width="18.375" style="9" customWidth="1"/>
    <col min="9737" max="9737" width="24.375" style="9" customWidth="1"/>
    <col min="9738" max="9982" width="8.875" style="9"/>
    <col min="9983" max="9983" width="14.75" style="9" customWidth="1"/>
    <col min="9984" max="9984" width="16.75" style="9" customWidth="1"/>
    <col min="9985" max="9985" width="17.5" style="9" customWidth="1"/>
    <col min="9986" max="9986" width="7.5" style="9" customWidth="1"/>
    <col min="9987" max="9987" width="10.625" style="9" customWidth="1"/>
    <col min="9988" max="9988" width="13.625" style="9" customWidth="1"/>
    <col min="9989" max="9989" width="9.5" style="9" customWidth="1"/>
    <col min="9990" max="9990" width="19.375" style="9" customWidth="1"/>
    <col min="9991" max="9991" width="10.125" style="9" customWidth="1"/>
    <col min="9992" max="9992" width="18.375" style="9" customWidth="1"/>
    <col min="9993" max="9993" width="24.375" style="9" customWidth="1"/>
    <col min="9994" max="10238" width="8.875" style="9"/>
    <col min="10239" max="10239" width="14.75" style="9" customWidth="1"/>
    <col min="10240" max="10240" width="16.75" style="9" customWidth="1"/>
    <col min="10241" max="10241" width="17.5" style="9" customWidth="1"/>
    <col min="10242" max="10242" width="7.5" style="9" customWidth="1"/>
    <col min="10243" max="10243" width="10.625" style="9" customWidth="1"/>
    <col min="10244" max="10244" width="13.625" style="9" customWidth="1"/>
    <col min="10245" max="10245" width="9.5" style="9" customWidth="1"/>
    <col min="10246" max="10246" width="19.375" style="9" customWidth="1"/>
    <col min="10247" max="10247" width="10.125" style="9" customWidth="1"/>
    <col min="10248" max="10248" width="18.375" style="9" customWidth="1"/>
    <col min="10249" max="10249" width="24.375" style="9" customWidth="1"/>
    <col min="10250" max="10494" width="8.875" style="9"/>
    <col min="10495" max="10495" width="14.75" style="9" customWidth="1"/>
    <col min="10496" max="10496" width="16.75" style="9" customWidth="1"/>
    <col min="10497" max="10497" width="17.5" style="9" customWidth="1"/>
    <col min="10498" max="10498" width="7.5" style="9" customWidth="1"/>
    <col min="10499" max="10499" width="10.625" style="9" customWidth="1"/>
    <col min="10500" max="10500" width="13.625" style="9" customWidth="1"/>
    <col min="10501" max="10501" width="9.5" style="9" customWidth="1"/>
    <col min="10502" max="10502" width="19.375" style="9" customWidth="1"/>
    <col min="10503" max="10503" width="10.125" style="9" customWidth="1"/>
    <col min="10504" max="10504" width="18.375" style="9" customWidth="1"/>
    <col min="10505" max="10505" width="24.375" style="9" customWidth="1"/>
    <col min="10506" max="10750" width="8.875" style="9"/>
    <col min="10751" max="10751" width="14.75" style="9" customWidth="1"/>
    <col min="10752" max="10752" width="16.75" style="9" customWidth="1"/>
    <col min="10753" max="10753" width="17.5" style="9" customWidth="1"/>
    <col min="10754" max="10754" width="7.5" style="9" customWidth="1"/>
    <col min="10755" max="10755" width="10.625" style="9" customWidth="1"/>
    <col min="10756" max="10756" width="13.625" style="9" customWidth="1"/>
    <col min="10757" max="10757" width="9.5" style="9" customWidth="1"/>
    <col min="10758" max="10758" width="19.375" style="9" customWidth="1"/>
    <col min="10759" max="10759" width="10.125" style="9" customWidth="1"/>
    <col min="10760" max="10760" width="18.375" style="9" customWidth="1"/>
    <col min="10761" max="10761" width="24.375" style="9" customWidth="1"/>
    <col min="10762" max="11006" width="8.875" style="9"/>
    <col min="11007" max="11007" width="14.75" style="9" customWidth="1"/>
    <col min="11008" max="11008" width="16.75" style="9" customWidth="1"/>
    <col min="11009" max="11009" width="17.5" style="9" customWidth="1"/>
    <col min="11010" max="11010" width="7.5" style="9" customWidth="1"/>
    <col min="11011" max="11011" width="10.625" style="9" customWidth="1"/>
    <col min="11012" max="11012" width="13.625" style="9" customWidth="1"/>
    <col min="11013" max="11013" width="9.5" style="9" customWidth="1"/>
    <col min="11014" max="11014" width="19.375" style="9" customWidth="1"/>
    <col min="11015" max="11015" width="10.125" style="9" customWidth="1"/>
    <col min="11016" max="11016" width="18.375" style="9" customWidth="1"/>
    <col min="11017" max="11017" width="24.375" style="9" customWidth="1"/>
    <col min="11018" max="11262" width="8.875" style="9"/>
    <col min="11263" max="11263" width="14.75" style="9" customWidth="1"/>
    <col min="11264" max="11264" width="16.75" style="9" customWidth="1"/>
    <col min="11265" max="11265" width="17.5" style="9" customWidth="1"/>
    <col min="11266" max="11266" width="7.5" style="9" customWidth="1"/>
    <col min="11267" max="11267" width="10.625" style="9" customWidth="1"/>
    <col min="11268" max="11268" width="13.625" style="9" customWidth="1"/>
    <col min="11269" max="11269" width="9.5" style="9" customWidth="1"/>
    <col min="11270" max="11270" width="19.375" style="9" customWidth="1"/>
    <col min="11271" max="11271" width="10.125" style="9" customWidth="1"/>
    <col min="11272" max="11272" width="18.375" style="9" customWidth="1"/>
    <col min="11273" max="11273" width="24.375" style="9" customWidth="1"/>
    <col min="11274" max="11518" width="8.875" style="9"/>
    <col min="11519" max="11519" width="14.75" style="9" customWidth="1"/>
    <col min="11520" max="11520" width="16.75" style="9" customWidth="1"/>
    <col min="11521" max="11521" width="17.5" style="9" customWidth="1"/>
    <col min="11522" max="11522" width="7.5" style="9" customWidth="1"/>
    <col min="11523" max="11523" width="10.625" style="9" customWidth="1"/>
    <col min="11524" max="11524" width="13.625" style="9" customWidth="1"/>
    <col min="11525" max="11525" width="9.5" style="9" customWidth="1"/>
    <col min="11526" max="11526" width="19.375" style="9" customWidth="1"/>
    <col min="11527" max="11527" width="10.125" style="9" customWidth="1"/>
    <col min="11528" max="11528" width="18.375" style="9" customWidth="1"/>
    <col min="11529" max="11529" width="24.375" style="9" customWidth="1"/>
    <col min="11530" max="11774" width="8.875" style="9"/>
    <col min="11775" max="11775" width="14.75" style="9" customWidth="1"/>
    <col min="11776" max="11776" width="16.75" style="9" customWidth="1"/>
    <col min="11777" max="11777" width="17.5" style="9" customWidth="1"/>
    <col min="11778" max="11778" width="7.5" style="9" customWidth="1"/>
    <col min="11779" max="11779" width="10.625" style="9" customWidth="1"/>
    <col min="11780" max="11780" width="13.625" style="9" customWidth="1"/>
    <col min="11781" max="11781" width="9.5" style="9" customWidth="1"/>
    <col min="11782" max="11782" width="19.375" style="9" customWidth="1"/>
    <col min="11783" max="11783" width="10.125" style="9" customWidth="1"/>
    <col min="11784" max="11784" width="18.375" style="9" customWidth="1"/>
    <col min="11785" max="11785" width="24.375" style="9" customWidth="1"/>
    <col min="11786" max="12030" width="8.875" style="9"/>
    <col min="12031" max="12031" width="14.75" style="9" customWidth="1"/>
    <col min="12032" max="12032" width="16.75" style="9" customWidth="1"/>
    <col min="12033" max="12033" width="17.5" style="9" customWidth="1"/>
    <col min="12034" max="12034" width="7.5" style="9" customWidth="1"/>
    <col min="12035" max="12035" width="10.625" style="9" customWidth="1"/>
    <col min="12036" max="12036" width="13.625" style="9" customWidth="1"/>
    <col min="12037" max="12037" width="9.5" style="9" customWidth="1"/>
    <col min="12038" max="12038" width="19.375" style="9" customWidth="1"/>
    <col min="12039" max="12039" width="10.125" style="9" customWidth="1"/>
    <col min="12040" max="12040" width="18.375" style="9" customWidth="1"/>
    <col min="12041" max="12041" width="24.375" style="9" customWidth="1"/>
    <col min="12042" max="12286" width="8.875" style="9"/>
    <col min="12287" max="12287" width="14.75" style="9" customWidth="1"/>
    <col min="12288" max="12288" width="16.75" style="9" customWidth="1"/>
    <col min="12289" max="12289" width="17.5" style="9" customWidth="1"/>
    <col min="12290" max="12290" width="7.5" style="9" customWidth="1"/>
    <col min="12291" max="12291" width="10.625" style="9" customWidth="1"/>
    <col min="12292" max="12292" width="13.625" style="9" customWidth="1"/>
    <col min="12293" max="12293" width="9.5" style="9" customWidth="1"/>
    <col min="12294" max="12294" width="19.375" style="9" customWidth="1"/>
    <col min="12295" max="12295" width="10.125" style="9" customWidth="1"/>
    <col min="12296" max="12296" width="18.375" style="9" customWidth="1"/>
    <col min="12297" max="12297" width="24.375" style="9" customWidth="1"/>
    <col min="12298" max="12542" width="8.875" style="9"/>
    <col min="12543" max="12543" width="14.75" style="9" customWidth="1"/>
    <col min="12544" max="12544" width="16.75" style="9" customWidth="1"/>
    <col min="12545" max="12545" width="17.5" style="9" customWidth="1"/>
    <col min="12546" max="12546" width="7.5" style="9" customWidth="1"/>
    <col min="12547" max="12547" width="10.625" style="9" customWidth="1"/>
    <col min="12548" max="12548" width="13.625" style="9" customWidth="1"/>
    <col min="12549" max="12549" width="9.5" style="9" customWidth="1"/>
    <col min="12550" max="12550" width="19.375" style="9" customWidth="1"/>
    <col min="12551" max="12551" width="10.125" style="9" customWidth="1"/>
    <col min="12552" max="12552" width="18.375" style="9" customWidth="1"/>
    <col min="12553" max="12553" width="24.375" style="9" customWidth="1"/>
    <col min="12554" max="12798" width="8.875" style="9"/>
    <col min="12799" max="12799" width="14.75" style="9" customWidth="1"/>
    <col min="12800" max="12800" width="16.75" style="9" customWidth="1"/>
    <col min="12801" max="12801" width="17.5" style="9" customWidth="1"/>
    <col min="12802" max="12802" width="7.5" style="9" customWidth="1"/>
    <col min="12803" max="12803" width="10.625" style="9" customWidth="1"/>
    <col min="12804" max="12804" width="13.625" style="9" customWidth="1"/>
    <col min="12805" max="12805" width="9.5" style="9" customWidth="1"/>
    <col min="12806" max="12806" width="19.375" style="9" customWidth="1"/>
    <col min="12807" max="12807" width="10.125" style="9" customWidth="1"/>
    <col min="12808" max="12808" width="18.375" style="9" customWidth="1"/>
    <col min="12809" max="12809" width="24.375" style="9" customWidth="1"/>
    <col min="12810" max="13054" width="8.875" style="9"/>
    <col min="13055" max="13055" width="14.75" style="9" customWidth="1"/>
    <col min="13056" max="13056" width="16.75" style="9" customWidth="1"/>
    <col min="13057" max="13057" width="17.5" style="9" customWidth="1"/>
    <col min="13058" max="13058" width="7.5" style="9" customWidth="1"/>
    <col min="13059" max="13059" width="10.625" style="9" customWidth="1"/>
    <col min="13060" max="13060" width="13.625" style="9" customWidth="1"/>
    <col min="13061" max="13061" width="9.5" style="9" customWidth="1"/>
    <col min="13062" max="13062" width="19.375" style="9" customWidth="1"/>
    <col min="13063" max="13063" width="10.125" style="9" customWidth="1"/>
    <col min="13064" max="13064" width="18.375" style="9" customWidth="1"/>
    <col min="13065" max="13065" width="24.375" style="9" customWidth="1"/>
    <col min="13066" max="13310" width="8.875" style="9"/>
    <col min="13311" max="13311" width="14.75" style="9" customWidth="1"/>
    <col min="13312" max="13312" width="16.75" style="9" customWidth="1"/>
    <col min="13313" max="13313" width="17.5" style="9" customWidth="1"/>
    <col min="13314" max="13314" width="7.5" style="9" customWidth="1"/>
    <col min="13315" max="13315" width="10.625" style="9" customWidth="1"/>
    <col min="13316" max="13316" width="13.625" style="9" customWidth="1"/>
    <col min="13317" max="13317" width="9.5" style="9" customWidth="1"/>
    <col min="13318" max="13318" width="19.375" style="9" customWidth="1"/>
    <col min="13319" max="13319" width="10.125" style="9" customWidth="1"/>
    <col min="13320" max="13320" width="18.375" style="9" customWidth="1"/>
    <col min="13321" max="13321" width="24.375" style="9" customWidth="1"/>
    <col min="13322" max="13566" width="8.875" style="9"/>
    <col min="13567" max="13567" width="14.75" style="9" customWidth="1"/>
    <col min="13568" max="13568" width="16.75" style="9" customWidth="1"/>
    <col min="13569" max="13569" width="17.5" style="9" customWidth="1"/>
    <col min="13570" max="13570" width="7.5" style="9" customWidth="1"/>
    <col min="13571" max="13571" width="10.625" style="9" customWidth="1"/>
    <col min="13572" max="13572" width="13.625" style="9" customWidth="1"/>
    <col min="13573" max="13573" width="9.5" style="9" customWidth="1"/>
    <col min="13574" max="13574" width="19.375" style="9" customWidth="1"/>
    <col min="13575" max="13575" width="10.125" style="9" customWidth="1"/>
    <col min="13576" max="13576" width="18.375" style="9" customWidth="1"/>
    <col min="13577" max="13577" width="24.375" style="9" customWidth="1"/>
    <col min="13578" max="13822" width="8.875" style="9"/>
    <col min="13823" max="13823" width="14.75" style="9" customWidth="1"/>
    <col min="13824" max="13824" width="16.75" style="9" customWidth="1"/>
    <col min="13825" max="13825" width="17.5" style="9" customWidth="1"/>
    <col min="13826" max="13826" width="7.5" style="9" customWidth="1"/>
    <col min="13827" max="13827" width="10.625" style="9" customWidth="1"/>
    <col min="13828" max="13828" width="13.625" style="9" customWidth="1"/>
    <col min="13829" max="13829" width="9.5" style="9" customWidth="1"/>
    <col min="13830" max="13830" width="19.375" style="9" customWidth="1"/>
    <col min="13831" max="13831" width="10.125" style="9" customWidth="1"/>
    <col min="13832" max="13832" width="18.375" style="9" customWidth="1"/>
    <col min="13833" max="13833" width="24.375" style="9" customWidth="1"/>
    <col min="13834" max="14078" width="8.875" style="9"/>
    <col min="14079" max="14079" width="14.75" style="9" customWidth="1"/>
    <col min="14080" max="14080" width="16.75" style="9" customWidth="1"/>
    <col min="14081" max="14081" width="17.5" style="9" customWidth="1"/>
    <col min="14082" max="14082" width="7.5" style="9" customWidth="1"/>
    <col min="14083" max="14083" width="10.625" style="9" customWidth="1"/>
    <col min="14084" max="14084" width="13.625" style="9" customWidth="1"/>
    <col min="14085" max="14085" width="9.5" style="9" customWidth="1"/>
    <col min="14086" max="14086" width="19.375" style="9" customWidth="1"/>
    <col min="14087" max="14087" width="10.125" style="9" customWidth="1"/>
    <col min="14088" max="14088" width="18.375" style="9" customWidth="1"/>
    <col min="14089" max="14089" width="24.375" style="9" customWidth="1"/>
    <col min="14090" max="14334" width="8.875" style="9"/>
    <col min="14335" max="14335" width="14.75" style="9" customWidth="1"/>
    <col min="14336" max="14336" width="16.75" style="9" customWidth="1"/>
    <col min="14337" max="14337" width="17.5" style="9" customWidth="1"/>
    <col min="14338" max="14338" width="7.5" style="9" customWidth="1"/>
    <col min="14339" max="14339" width="10.625" style="9" customWidth="1"/>
    <col min="14340" max="14340" width="13.625" style="9" customWidth="1"/>
    <col min="14341" max="14341" width="9.5" style="9" customWidth="1"/>
    <col min="14342" max="14342" width="19.375" style="9" customWidth="1"/>
    <col min="14343" max="14343" width="10.125" style="9" customWidth="1"/>
    <col min="14344" max="14344" width="18.375" style="9" customWidth="1"/>
    <col min="14345" max="14345" width="24.375" style="9" customWidth="1"/>
    <col min="14346" max="14590" width="8.875" style="9"/>
    <col min="14591" max="14591" width="14.75" style="9" customWidth="1"/>
    <col min="14592" max="14592" width="16.75" style="9" customWidth="1"/>
    <col min="14593" max="14593" width="17.5" style="9" customWidth="1"/>
    <col min="14594" max="14594" width="7.5" style="9" customWidth="1"/>
    <col min="14595" max="14595" width="10.625" style="9" customWidth="1"/>
    <col min="14596" max="14596" width="13.625" style="9" customWidth="1"/>
    <col min="14597" max="14597" width="9.5" style="9" customWidth="1"/>
    <col min="14598" max="14598" width="19.375" style="9" customWidth="1"/>
    <col min="14599" max="14599" width="10.125" style="9" customWidth="1"/>
    <col min="14600" max="14600" width="18.375" style="9" customWidth="1"/>
    <col min="14601" max="14601" width="24.375" style="9" customWidth="1"/>
    <col min="14602" max="14846" width="8.875" style="9"/>
    <col min="14847" max="14847" width="14.75" style="9" customWidth="1"/>
    <col min="14848" max="14848" width="16.75" style="9" customWidth="1"/>
    <col min="14849" max="14849" width="17.5" style="9" customWidth="1"/>
    <col min="14850" max="14850" width="7.5" style="9" customWidth="1"/>
    <col min="14851" max="14851" width="10.625" style="9" customWidth="1"/>
    <col min="14852" max="14852" width="13.625" style="9" customWidth="1"/>
    <col min="14853" max="14853" width="9.5" style="9" customWidth="1"/>
    <col min="14854" max="14854" width="19.375" style="9" customWidth="1"/>
    <col min="14855" max="14855" width="10.125" style="9" customWidth="1"/>
    <col min="14856" max="14856" width="18.375" style="9" customWidth="1"/>
    <col min="14857" max="14857" width="24.375" style="9" customWidth="1"/>
    <col min="14858" max="15102" width="8.875" style="9"/>
    <col min="15103" max="15103" width="14.75" style="9" customWidth="1"/>
    <col min="15104" max="15104" width="16.75" style="9" customWidth="1"/>
    <col min="15105" max="15105" width="17.5" style="9" customWidth="1"/>
    <col min="15106" max="15106" width="7.5" style="9" customWidth="1"/>
    <col min="15107" max="15107" width="10.625" style="9" customWidth="1"/>
    <col min="15108" max="15108" width="13.625" style="9" customWidth="1"/>
    <col min="15109" max="15109" width="9.5" style="9" customWidth="1"/>
    <col min="15110" max="15110" width="19.375" style="9" customWidth="1"/>
    <col min="15111" max="15111" width="10.125" style="9" customWidth="1"/>
    <col min="15112" max="15112" width="18.375" style="9" customWidth="1"/>
    <col min="15113" max="15113" width="24.375" style="9" customWidth="1"/>
    <col min="15114" max="15358" width="8.875" style="9"/>
    <col min="15359" max="15359" width="14.75" style="9" customWidth="1"/>
    <col min="15360" max="15360" width="16.75" style="9" customWidth="1"/>
    <col min="15361" max="15361" width="17.5" style="9" customWidth="1"/>
    <col min="15362" max="15362" width="7.5" style="9" customWidth="1"/>
    <col min="15363" max="15363" width="10.625" style="9" customWidth="1"/>
    <col min="15364" max="15364" width="13.625" style="9" customWidth="1"/>
    <col min="15365" max="15365" width="9.5" style="9" customWidth="1"/>
    <col min="15366" max="15366" width="19.375" style="9" customWidth="1"/>
    <col min="15367" max="15367" width="10.125" style="9" customWidth="1"/>
    <col min="15368" max="15368" width="18.375" style="9" customWidth="1"/>
    <col min="15369" max="15369" width="24.375" style="9" customWidth="1"/>
    <col min="15370" max="15614" width="8.875" style="9"/>
    <col min="15615" max="15615" width="14.75" style="9" customWidth="1"/>
    <col min="15616" max="15616" width="16.75" style="9" customWidth="1"/>
    <col min="15617" max="15617" width="17.5" style="9" customWidth="1"/>
    <col min="15618" max="15618" width="7.5" style="9" customWidth="1"/>
    <col min="15619" max="15619" width="10.625" style="9" customWidth="1"/>
    <col min="15620" max="15620" width="13.625" style="9" customWidth="1"/>
    <col min="15621" max="15621" width="9.5" style="9" customWidth="1"/>
    <col min="15622" max="15622" width="19.375" style="9" customWidth="1"/>
    <col min="15623" max="15623" width="10.125" style="9" customWidth="1"/>
    <col min="15624" max="15624" width="18.375" style="9" customWidth="1"/>
    <col min="15625" max="15625" width="24.375" style="9" customWidth="1"/>
    <col min="15626" max="15870" width="8.875" style="9"/>
    <col min="15871" max="15871" width="14.75" style="9" customWidth="1"/>
    <col min="15872" max="15872" width="16.75" style="9" customWidth="1"/>
    <col min="15873" max="15873" width="17.5" style="9" customWidth="1"/>
    <col min="15874" max="15874" width="7.5" style="9" customWidth="1"/>
    <col min="15875" max="15875" width="10.625" style="9" customWidth="1"/>
    <col min="15876" max="15876" width="13.625" style="9" customWidth="1"/>
    <col min="15877" max="15877" width="9.5" style="9" customWidth="1"/>
    <col min="15878" max="15878" width="19.375" style="9" customWidth="1"/>
    <col min="15879" max="15879" width="10.125" style="9" customWidth="1"/>
    <col min="15880" max="15880" width="18.375" style="9" customWidth="1"/>
    <col min="15881" max="15881" width="24.375" style="9" customWidth="1"/>
    <col min="15882" max="16126" width="8.875" style="9"/>
    <col min="16127" max="16127" width="14.75" style="9" customWidth="1"/>
    <col min="16128" max="16128" width="16.75" style="9" customWidth="1"/>
    <col min="16129" max="16129" width="17.5" style="9" customWidth="1"/>
    <col min="16130" max="16130" width="7.5" style="9" customWidth="1"/>
    <col min="16131" max="16131" width="10.625" style="9" customWidth="1"/>
    <col min="16132" max="16132" width="13.625" style="9" customWidth="1"/>
    <col min="16133" max="16133" width="9.5" style="9" customWidth="1"/>
    <col min="16134" max="16134" width="19.375" style="9" customWidth="1"/>
    <col min="16135" max="16135" width="10.125" style="9" customWidth="1"/>
    <col min="16136" max="16136" width="18.375" style="9" customWidth="1"/>
    <col min="16137" max="16137" width="24.375" style="9" customWidth="1"/>
    <col min="16138" max="16384" width="8.875" style="9"/>
  </cols>
  <sheetData>
    <row r="2" spans="1:15" ht="39.75" customHeight="1" x14ac:dyDescent="0.15">
      <c r="A2" s="29" t="s">
        <v>55</v>
      </c>
      <c r="B2" s="29"/>
      <c r="C2" s="29"/>
      <c r="D2" s="1"/>
      <c r="E2" s="1"/>
      <c r="F2" s="30"/>
      <c r="G2" s="30"/>
      <c r="H2" s="31"/>
      <c r="I2" s="31"/>
      <c r="J2" s="31"/>
      <c r="K2" s="31"/>
    </row>
    <row r="3" spans="1:15" ht="24.75" thickBot="1" x14ac:dyDescent="0.2">
      <c r="A3" s="32" t="s">
        <v>0</v>
      </c>
      <c r="B3" s="33"/>
      <c r="C3" s="33"/>
      <c r="D3" s="33"/>
      <c r="E3" s="33"/>
      <c r="F3" s="33"/>
      <c r="G3" s="33"/>
      <c r="H3" s="33"/>
      <c r="I3" s="33"/>
      <c r="J3" s="33"/>
      <c r="K3" s="33"/>
    </row>
    <row r="4" spans="1:15" ht="26.25" customHeight="1" x14ac:dyDescent="0.15">
      <c r="A4" s="2" t="s">
        <v>1</v>
      </c>
      <c r="B4" s="34"/>
      <c r="C4" s="34"/>
      <c r="D4" s="35" t="s">
        <v>2</v>
      </c>
      <c r="E4" s="37" t="s">
        <v>3</v>
      </c>
      <c r="F4" s="37" t="s">
        <v>4</v>
      </c>
      <c r="G4" s="39" t="s">
        <v>5</v>
      </c>
      <c r="H4" s="40"/>
      <c r="I4" s="40"/>
      <c r="J4" s="40"/>
      <c r="K4" s="41"/>
    </row>
    <row r="5" spans="1:15" ht="43.5" customHeight="1" thickBot="1" x14ac:dyDescent="0.2">
      <c r="A5" s="3" t="s">
        <v>6</v>
      </c>
      <c r="B5" s="45"/>
      <c r="C5" s="45"/>
      <c r="D5" s="36"/>
      <c r="E5" s="36"/>
      <c r="F5" s="38"/>
      <c r="G5" s="42"/>
      <c r="H5" s="43"/>
      <c r="I5" s="43"/>
      <c r="J5" s="43"/>
      <c r="K5" s="44"/>
    </row>
    <row r="6" spans="1:15" ht="33" customHeight="1" x14ac:dyDescent="0.15">
      <c r="A6" s="18" t="s">
        <v>7</v>
      </c>
      <c r="B6" s="19"/>
      <c r="C6" s="19"/>
      <c r="D6" s="19"/>
      <c r="E6" s="19"/>
      <c r="F6" s="19"/>
      <c r="G6" s="19"/>
      <c r="H6" s="19"/>
      <c r="I6" s="19"/>
      <c r="J6" s="19"/>
      <c r="K6" s="20"/>
      <c r="L6" s="8"/>
      <c r="M6" s="10"/>
      <c r="N6" s="10"/>
      <c r="O6" s="10"/>
    </row>
    <row r="7" spans="1:15" ht="60" customHeight="1" x14ac:dyDescent="0.15">
      <c r="A7" s="21" t="s">
        <v>8</v>
      </c>
      <c r="B7" s="22"/>
      <c r="C7" s="22"/>
      <c r="D7" s="22"/>
      <c r="E7" s="22"/>
      <c r="F7" s="22"/>
      <c r="G7" s="22"/>
      <c r="H7" s="22"/>
      <c r="I7" s="22"/>
      <c r="J7" s="22"/>
      <c r="K7" s="23"/>
      <c r="L7" s="8"/>
      <c r="M7" s="10"/>
      <c r="N7" s="10"/>
      <c r="O7" s="10"/>
    </row>
    <row r="8" spans="1:15" ht="45" customHeight="1" thickBot="1" x14ac:dyDescent="0.2">
      <c r="A8" s="24" t="s">
        <v>9</v>
      </c>
      <c r="B8" s="25"/>
      <c r="C8" s="26" t="s">
        <v>10</v>
      </c>
      <c r="D8" s="27"/>
      <c r="E8" s="27"/>
      <c r="F8" s="27"/>
      <c r="G8" s="27"/>
      <c r="H8" s="27"/>
      <c r="I8" s="27"/>
      <c r="J8" s="27"/>
      <c r="K8" s="28"/>
      <c r="L8" s="10"/>
      <c r="M8" s="10"/>
      <c r="N8" s="10"/>
      <c r="O8" s="10"/>
    </row>
    <row r="9" spans="1:15" ht="45" customHeight="1" x14ac:dyDescent="0.15">
      <c r="A9" s="46" t="s">
        <v>11</v>
      </c>
      <c r="B9" s="47"/>
      <c r="C9" s="47"/>
      <c r="D9" s="47"/>
      <c r="E9" s="47"/>
      <c r="F9" s="47"/>
      <c r="G9" s="47"/>
      <c r="H9" s="47"/>
      <c r="I9" s="47"/>
      <c r="J9" s="47"/>
      <c r="K9" s="48"/>
      <c r="L9" s="11"/>
      <c r="M9" s="8"/>
      <c r="N9" s="8"/>
    </row>
    <row r="10" spans="1:15" ht="45" customHeight="1" x14ac:dyDescent="0.15">
      <c r="A10" s="58" t="s">
        <v>9</v>
      </c>
      <c r="B10" s="59"/>
      <c r="C10" s="60" t="s">
        <v>12</v>
      </c>
      <c r="D10" s="61"/>
      <c r="E10" s="61"/>
      <c r="F10" s="61"/>
      <c r="G10" s="61"/>
      <c r="H10" s="61"/>
      <c r="I10" s="61"/>
      <c r="J10" s="61"/>
      <c r="K10" s="62"/>
      <c r="L10" s="11"/>
      <c r="M10" s="8"/>
      <c r="N10" s="8"/>
    </row>
    <row r="11" spans="1:15" ht="45" customHeight="1" x14ac:dyDescent="0.15">
      <c r="A11" s="24"/>
      <c r="B11" s="25"/>
      <c r="C11" s="42"/>
      <c r="D11" s="43"/>
      <c r="E11" s="43"/>
      <c r="F11" s="43"/>
      <c r="G11" s="43"/>
      <c r="H11" s="43"/>
      <c r="I11" s="43"/>
      <c r="J11" s="43"/>
      <c r="K11" s="44"/>
      <c r="L11" s="11"/>
      <c r="M11" s="8"/>
      <c r="N11" s="8"/>
    </row>
    <row r="12" spans="1:15" ht="33" customHeight="1" x14ac:dyDescent="0.15">
      <c r="A12" s="49" t="s">
        <v>13</v>
      </c>
      <c r="B12" s="50"/>
      <c r="C12" s="50"/>
      <c r="D12" s="50"/>
      <c r="E12" s="50"/>
      <c r="F12" s="50"/>
      <c r="G12" s="50"/>
      <c r="H12" s="50"/>
      <c r="I12" s="50"/>
      <c r="J12" s="50"/>
      <c r="K12" s="51"/>
      <c r="L12" s="11"/>
      <c r="M12" s="8"/>
      <c r="N12" s="8"/>
    </row>
    <row r="13" spans="1:15" ht="54.75" customHeight="1" x14ac:dyDescent="0.15">
      <c r="A13" s="52" t="s">
        <v>14</v>
      </c>
      <c r="B13" s="53"/>
      <c r="C13" s="53"/>
      <c r="D13" s="53"/>
      <c r="E13" s="53"/>
      <c r="F13" s="53"/>
      <c r="G13" s="53"/>
      <c r="H13" s="53"/>
      <c r="I13" s="53"/>
      <c r="J13" s="53"/>
      <c r="K13" s="54"/>
      <c r="L13" s="8"/>
      <c r="M13" s="10"/>
      <c r="N13" s="10"/>
      <c r="O13" s="10"/>
    </row>
    <row r="14" spans="1:15" ht="45" customHeight="1" x14ac:dyDescent="0.15">
      <c r="A14" s="55" t="s">
        <v>15</v>
      </c>
      <c r="B14" s="56"/>
      <c r="C14" s="6" t="s">
        <v>16</v>
      </c>
      <c r="D14" s="56" t="s">
        <v>17</v>
      </c>
      <c r="E14" s="56"/>
      <c r="F14" s="56"/>
      <c r="G14" s="56"/>
      <c r="H14" s="56"/>
      <c r="I14" s="56"/>
      <c r="J14" s="56"/>
      <c r="K14" s="57"/>
      <c r="L14" s="11"/>
      <c r="M14" s="8"/>
      <c r="N14" s="8"/>
    </row>
    <row r="15" spans="1:15" ht="50.1" customHeight="1" x14ac:dyDescent="0.15">
      <c r="A15" s="63" t="s">
        <v>18</v>
      </c>
      <c r="B15" s="64"/>
      <c r="C15" s="12"/>
      <c r="D15" s="65" t="s">
        <v>19</v>
      </c>
      <c r="E15" s="65"/>
      <c r="F15" s="65"/>
      <c r="G15" s="65"/>
      <c r="H15" s="65"/>
      <c r="I15" s="65"/>
      <c r="J15" s="65"/>
      <c r="K15" s="66"/>
    </row>
    <row r="16" spans="1:15" s="13" customFormat="1" ht="50.1" customHeight="1" x14ac:dyDescent="0.15">
      <c r="A16" s="67" t="s">
        <v>20</v>
      </c>
      <c r="B16" s="68"/>
      <c r="C16" s="7"/>
      <c r="D16" s="65" t="s">
        <v>21</v>
      </c>
      <c r="E16" s="65"/>
      <c r="F16" s="65"/>
      <c r="G16" s="65"/>
      <c r="H16" s="65"/>
      <c r="I16" s="65"/>
      <c r="J16" s="65"/>
      <c r="K16" s="66"/>
      <c r="L16" s="4"/>
      <c r="M16" s="4"/>
      <c r="N16" s="4"/>
    </row>
    <row r="17" spans="1:15" ht="50.1" customHeight="1" x14ac:dyDescent="0.15">
      <c r="A17" s="63" t="s">
        <v>22</v>
      </c>
      <c r="B17" s="64"/>
      <c r="C17" s="14"/>
      <c r="D17" s="69" t="s">
        <v>23</v>
      </c>
      <c r="E17" s="69"/>
      <c r="F17" s="69"/>
      <c r="G17" s="69"/>
      <c r="H17" s="69"/>
      <c r="I17" s="69"/>
      <c r="J17" s="69"/>
      <c r="K17" s="70"/>
      <c r="L17" s="11"/>
      <c r="M17" s="8"/>
      <c r="N17" s="8"/>
    </row>
    <row r="18" spans="1:15" ht="50.1" customHeight="1" x14ac:dyDescent="0.15">
      <c r="A18" s="63"/>
      <c r="B18" s="64"/>
      <c r="C18" s="14"/>
      <c r="D18" s="65" t="s">
        <v>24</v>
      </c>
      <c r="E18" s="65"/>
      <c r="F18" s="65"/>
      <c r="G18" s="65"/>
      <c r="H18" s="65"/>
      <c r="I18" s="65"/>
      <c r="J18" s="65"/>
      <c r="K18" s="66"/>
      <c r="L18" s="11"/>
      <c r="M18" s="8"/>
      <c r="N18" s="8"/>
    </row>
    <row r="19" spans="1:15" ht="50.1" customHeight="1" x14ac:dyDescent="0.15">
      <c r="A19" s="63"/>
      <c r="B19" s="64"/>
      <c r="C19" s="14"/>
      <c r="D19" s="65" t="s">
        <v>25</v>
      </c>
      <c r="E19" s="65"/>
      <c r="F19" s="65"/>
      <c r="G19" s="65"/>
      <c r="H19" s="65"/>
      <c r="I19" s="65"/>
      <c r="J19" s="65"/>
      <c r="K19" s="66"/>
      <c r="L19" s="8"/>
      <c r="M19" s="71"/>
      <c r="N19" s="71"/>
    </row>
    <row r="20" spans="1:15" ht="50.1" customHeight="1" x14ac:dyDescent="0.15">
      <c r="A20" s="63" t="s">
        <v>26</v>
      </c>
      <c r="B20" s="64"/>
      <c r="C20" s="15"/>
      <c r="D20" s="69" t="s">
        <v>27</v>
      </c>
      <c r="E20" s="69"/>
      <c r="F20" s="69"/>
      <c r="G20" s="69"/>
      <c r="H20" s="69"/>
      <c r="I20" s="69"/>
      <c r="J20" s="69"/>
      <c r="K20" s="70"/>
    </row>
    <row r="21" spans="1:15" ht="50.1" customHeight="1" x14ac:dyDescent="0.15">
      <c r="A21" s="63"/>
      <c r="B21" s="64"/>
      <c r="C21" s="15"/>
      <c r="D21" s="69" t="s">
        <v>28</v>
      </c>
      <c r="E21" s="69"/>
      <c r="F21" s="69"/>
      <c r="G21" s="69"/>
      <c r="H21" s="69"/>
      <c r="I21" s="69"/>
      <c r="J21" s="69"/>
      <c r="K21" s="70"/>
      <c r="L21" s="8"/>
      <c r="M21" s="8"/>
      <c r="N21" s="8"/>
      <c r="O21" s="8"/>
    </row>
    <row r="22" spans="1:15" ht="100.5" customHeight="1" x14ac:dyDescent="0.15">
      <c r="A22" s="63" t="s">
        <v>29</v>
      </c>
      <c r="B22" s="64"/>
      <c r="C22" s="15"/>
      <c r="D22" s="72" t="s">
        <v>30</v>
      </c>
      <c r="E22" s="72"/>
      <c r="F22" s="72"/>
      <c r="G22" s="72"/>
      <c r="H22" s="72"/>
      <c r="I22" s="72"/>
      <c r="J22" s="72"/>
      <c r="K22" s="73"/>
      <c r="L22" s="71"/>
      <c r="M22" s="71"/>
      <c r="N22" s="71"/>
      <c r="O22" s="71"/>
    </row>
    <row r="23" spans="1:15" ht="90" customHeight="1" x14ac:dyDescent="0.15">
      <c r="A23" s="63" t="s">
        <v>31</v>
      </c>
      <c r="B23" s="64"/>
      <c r="C23" s="15"/>
      <c r="D23" s="65" t="s">
        <v>32</v>
      </c>
      <c r="E23" s="65"/>
      <c r="F23" s="65"/>
      <c r="G23" s="65"/>
      <c r="H23" s="65"/>
      <c r="I23" s="65"/>
      <c r="J23" s="65"/>
      <c r="K23" s="66"/>
      <c r="L23" s="74"/>
      <c r="M23" s="74"/>
      <c r="N23" s="74"/>
      <c r="O23" s="74"/>
    </row>
    <row r="24" spans="1:15" ht="33" customHeight="1" x14ac:dyDescent="0.15">
      <c r="A24" s="49" t="s">
        <v>33</v>
      </c>
      <c r="B24" s="50"/>
      <c r="C24" s="50"/>
      <c r="D24" s="50"/>
      <c r="E24" s="50"/>
      <c r="F24" s="50"/>
      <c r="G24" s="50"/>
      <c r="H24" s="50"/>
      <c r="I24" s="50"/>
      <c r="J24" s="50"/>
      <c r="K24" s="51"/>
      <c r="L24" s="8"/>
      <c r="M24" s="8"/>
      <c r="N24" s="8"/>
      <c r="O24" s="8"/>
    </row>
    <row r="25" spans="1:15" ht="54.75" customHeight="1" x14ac:dyDescent="0.15">
      <c r="A25" s="52" t="s">
        <v>34</v>
      </c>
      <c r="B25" s="53"/>
      <c r="C25" s="53"/>
      <c r="D25" s="53"/>
      <c r="E25" s="53"/>
      <c r="F25" s="53"/>
      <c r="G25" s="53"/>
      <c r="H25" s="53"/>
      <c r="I25" s="53"/>
      <c r="J25" s="53"/>
      <c r="K25" s="54"/>
      <c r="L25" s="16"/>
      <c r="M25" s="16"/>
      <c r="N25" s="16"/>
      <c r="O25" s="16"/>
    </row>
    <row r="26" spans="1:15" ht="45" customHeight="1" x14ac:dyDescent="0.15">
      <c r="A26" s="55" t="s">
        <v>35</v>
      </c>
      <c r="B26" s="56"/>
      <c r="C26" s="6" t="s">
        <v>16</v>
      </c>
      <c r="D26" s="56" t="s">
        <v>36</v>
      </c>
      <c r="E26" s="56"/>
      <c r="F26" s="56"/>
      <c r="G26" s="56"/>
      <c r="H26" s="56"/>
      <c r="I26" s="56"/>
      <c r="J26" s="56"/>
      <c r="K26" s="57"/>
      <c r="L26" s="8"/>
      <c r="M26" s="8"/>
      <c r="N26" s="8"/>
      <c r="O26" s="8"/>
    </row>
    <row r="27" spans="1:15" ht="50.1" customHeight="1" x14ac:dyDescent="0.15">
      <c r="A27" s="63" t="s">
        <v>37</v>
      </c>
      <c r="B27" s="64"/>
      <c r="C27" s="12"/>
      <c r="D27" s="65" t="s">
        <v>38</v>
      </c>
      <c r="E27" s="65"/>
      <c r="F27" s="65"/>
      <c r="G27" s="65"/>
      <c r="H27" s="65"/>
      <c r="I27" s="65"/>
      <c r="J27" s="65"/>
      <c r="K27" s="66"/>
      <c r="L27" s="16"/>
      <c r="M27" s="16"/>
      <c r="N27" s="16"/>
      <c r="O27" s="16"/>
    </row>
    <row r="28" spans="1:15" ht="50.1" customHeight="1" x14ac:dyDescent="0.15">
      <c r="A28" s="67" t="s">
        <v>39</v>
      </c>
      <c r="B28" s="68"/>
      <c r="C28" s="7"/>
      <c r="D28" s="65" t="s">
        <v>40</v>
      </c>
      <c r="E28" s="65"/>
      <c r="F28" s="65"/>
      <c r="G28" s="65"/>
      <c r="H28" s="65"/>
      <c r="I28" s="65"/>
      <c r="J28" s="65"/>
      <c r="K28" s="66"/>
      <c r="L28" s="16"/>
      <c r="M28" s="16"/>
      <c r="N28" s="16"/>
      <c r="O28" s="16"/>
    </row>
    <row r="29" spans="1:15" ht="50.1" customHeight="1" x14ac:dyDescent="0.15">
      <c r="A29" s="63" t="s">
        <v>41</v>
      </c>
      <c r="B29" s="64"/>
      <c r="C29" s="14"/>
      <c r="D29" s="69" t="s">
        <v>42</v>
      </c>
      <c r="E29" s="69"/>
      <c r="F29" s="69"/>
      <c r="G29" s="69"/>
      <c r="H29" s="69"/>
      <c r="I29" s="69"/>
      <c r="J29" s="69"/>
      <c r="K29" s="70"/>
    </row>
    <row r="30" spans="1:15" ht="50.1" customHeight="1" x14ac:dyDescent="0.15">
      <c r="A30" s="63" t="s">
        <v>43</v>
      </c>
      <c r="B30" s="64"/>
      <c r="C30" s="15"/>
      <c r="D30" s="69" t="s">
        <v>44</v>
      </c>
      <c r="E30" s="69"/>
      <c r="F30" s="69"/>
      <c r="G30" s="69"/>
      <c r="H30" s="69"/>
      <c r="I30" s="69"/>
      <c r="J30" s="69"/>
      <c r="K30" s="70"/>
    </row>
    <row r="31" spans="1:15" ht="50.1" customHeight="1" x14ac:dyDescent="0.15">
      <c r="A31" s="55" t="s">
        <v>45</v>
      </c>
      <c r="B31" s="56"/>
      <c r="C31" s="15"/>
      <c r="D31" s="72" t="s">
        <v>56</v>
      </c>
      <c r="E31" s="72"/>
      <c r="F31" s="72"/>
      <c r="G31" s="72"/>
      <c r="H31" s="72"/>
      <c r="I31" s="72"/>
      <c r="J31" s="72"/>
      <c r="K31" s="73"/>
      <c r="L31" s="16"/>
    </row>
    <row r="32" spans="1:15" ht="50.1" customHeight="1" x14ac:dyDescent="0.15">
      <c r="A32" s="55" t="s">
        <v>46</v>
      </c>
      <c r="B32" s="56"/>
      <c r="C32" s="15"/>
      <c r="D32" s="65" t="s">
        <v>58</v>
      </c>
      <c r="E32" s="65"/>
      <c r="F32" s="65"/>
      <c r="G32" s="65"/>
      <c r="H32" s="65"/>
      <c r="I32" s="65"/>
      <c r="J32" s="65"/>
      <c r="K32" s="66"/>
    </row>
    <row r="33" spans="1:19" ht="50.1" customHeight="1" x14ac:dyDescent="0.15">
      <c r="A33" s="55" t="s">
        <v>47</v>
      </c>
      <c r="B33" s="56"/>
      <c r="C33" s="14"/>
      <c r="D33" s="65" t="s">
        <v>57</v>
      </c>
      <c r="E33" s="65"/>
      <c r="F33" s="65"/>
      <c r="G33" s="65"/>
      <c r="H33" s="65"/>
      <c r="I33" s="65"/>
      <c r="J33" s="65"/>
      <c r="K33" s="66"/>
    </row>
    <row r="34" spans="1:19" ht="50.1" customHeight="1" x14ac:dyDescent="0.15">
      <c r="A34" s="79" t="s">
        <v>48</v>
      </c>
      <c r="B34" s="80"/>
      <c r="C34" s="14"/>
      <c r="D34" s="69" t="s">
        <v>49</v>
      </c>
      <c r="E34" s="69"/>
      <c r="F34" s="69"/>
      <c r="G34" s="69"/>
      <c r="H34" s="69"/>
      <c r="I34" s="69"/>
      <c r="J34" s="69"/>
      <c r="K34" s="70"/>
    </row>
    <row r="35" spans="1:19" ht="50.1" customHeight="1" x14ac:dyDescent="0.15">
      <c r="A35" s="55" t="s">
        <v>50</v>
      </c>
      <c r="B35" s="56"/>
      <c r="C35" s="14"/>
      <c r="D35" s="69" t="s">
        <v>56</v>
      </c>
      <c r="E35" s="69"/>
      <c r="F35" s="69"/>
      <c r="G35" s="69"/>
      <c r="H35" s="69"/>
      <c r="I35" s="69"/>
      <c r="J35" s="69"/>
      <c r="K35" s="70"/>
    </row>
    <row r="36" spans="1:19" ht="50.1" customHeight="1" x14ac:dyDescent="0.15">
      <c r="A36" s="63" t="s">
        <v>51</v>
      </c>
      <c r="B36" s="64"/>
      <c r="C36" s="14"/>
      <c r="D36" s="69" t="s">
        <v>52</v>
      </c>
      <c r="E36" s="69"/>
      <c r="F36" s="69"/>
      <c r="G36" s="69"/>
      <c r="H36" s="69"/>
      <c r="I36" s="69"/>
      <c r="J36" s="69"/>
      <c r="K36" s="70"/>
    </row>
    <row r="37" spans="1:19" ht="50.1" customHeight="1" thickBot="1" x14ac:dyDescent="0.2">
      <c r="A37" s="75" t="s">
        <v>53</v>
      </c>
      <c r="B37" s="76"/>
      <c r="C37" s="17"/>
      <c r="D37" s="77" t="s">
        <v>54</v>
      </c>
      <c r="E37" s="77"/>
      <c r="F37" s="77"/>
      <c r="G37" s="77"/>
      <c r="H37" s="77"/>
      <c r="I37" s="77"/>
      <c r="J37" s="77"/>
      <c r="K37" s="78"/>
      <c r="L37" s="5"/>
      <c r="M37" s="5"/>
      <c r="N37" s="5"/>
      <c r="O37" s="5"/>
      <c r="P37" s="5"/>
      <c r="Q37" s="5"/>
      <c r="R37" s="5"/>
      <c r="S37" s="5"/>
    </row>
  </sheetData>
  <mergeCells count="65">
    <mergeCell ref="A36:B36"/>
    <mergeCell ref="D36:K36"/>
    <mergeCell ref="A37:B37"/>
    <mergeCell ref="D37:K37"/>
    <mergeCell ref="A33:B33"/>
    <mergeCell ref="D33:K33"/>
    <mergeCell ref="A34:B34"/>
    <mergeCell ref="D34:K34"/>
    <mergeCell ref="A35:B35"/>
    <mergeCell ref="D35:K35"/>
    <mergeCell ref="A30:B30"/>
    <mergeCell ref="D30:K30"/>
    <mergeCell ref="A31:B31"/>
    <mergeCell ref="D31:K31"/>
    <mergeCell ref="A32:B32"/>
    <mergeCell ref="D32:K32"/>
    <mergeCell ref="A27:B27"/>
    <mergeCell ref="D27:K27"/>
    <mergeCell ref="A28:B28"/>
    <mergeCell ref="D28:K28"/>
    <mergeCell ref="A29:B29"/>
    <mergeCell ref="D29:K29"/>
    <mergeCell ref="A26:B26"/>
    <mergeCell ref="D26:K26"/>
    <mergeCell ref="M19:N19"/>
    <mergeCell ref="A20:B21"/>
    <mergeCell ref="D20:K20"/>
    <mergeCell ref="D21:K21"/>
    <mergeCell ref="A22:B22"/>
    <mergeCell ref="D22:K22"/>
    <mergeCell ref="L22:O22"/>
    <mergeCell ref="A23:B23"/>
    <mergeCell ref="D23:K23"/>
    <mergeCell ref="L23:O23"/>
    <mergeCell ref="A24:K24"/>
    <mergeCell ref="A25:K25"/>
    <mergeCell ref="A15:B15"/>
    <mergeCell ref="D15:K15"/>
    <mergeCell ref="A16:B16"/>
    <mergeCell ref="D16:K16"/>
    <mergeCell ref="A17:B19"/>
    <mergeCell ref="D17:K17"/>
    <mergeCell ref="D18:K18"/>
    <mergeCell ref="D19:K19"/>
    <mergeCell ref="A9:K9"/>
    <mergeCell ref="A12:K12"/>
    <mergeCell ref="A13:K13"/>
    <mergeCell ref="A14:B14"/>
    <mergeCell ref="D14:K14"/>
    <mergeCell ref="A10:B11"/>
    <mergeCell ref="C10:K11"/>
    <mergeCell ref="A6:K6"/>
    <mergeCell ref="A7:K7"/>
    <mergeCell ref="A8:B8"/>
    <mergeCell ref="C8:K8"/>
    <mergeCell ref="A2:C2"/>
    <mergeCell ref="F2:G2"/>
    <mergeCell ref="H2:K2"/>
    <mergeCell ref="A3:K3"/>
    <mergeCell ref="B4:C4"/>
    <mergeCell ref="D4:D5"/>
    <mergeCell ref="E4:E5"/>
    <mergeCell ref="F4:F5"/>
    <mergeCell ref="G4:K5"/>
    <mergeCell ref="B5:C5"/>
  </mergeCells>
  <phoneticPr fontId="2"/>
  <printOptions horizontalCentered="1" verticalCentered="1"/>
  <pageMargins left="0.62992125984251968" right="0.39370078740157483" top="0.74803149606299213" bottom="0.74803149606299213" header="0.31496062992125984" footer="0.31496062992125984"/>
  <pageSetup paperSize="9" scale="45"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２　（重症患者）</vt:lpstr>
      <vt:lpstr>'別紙２　（重症患者）'!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14-1959</dc:creator>
  <cp:lastModifiedBy>C14-1959</cp:lastModifiedBy>
  <cp:lastPrinted>2019-09-30T02:04:21Z</cp:lastPrinted>
  <dcterms:created xsi:type="dcterms:W3CDTF">2019-08-09T02:10:07Z</dcterms:created>
  <dcterms:modified xsi:type="dcterms:W3CDTF">2019-09-30T02:04:24Z</dcterms:modified>
</cp:coreProperties>
</file>